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649305A" w14:textId="77777777" w:rsidR="00287599" w:rsidRPr="00287599" w:rsidRDefault="00287599" w:rsidP="00287599">
      <w:pPr>
        <w:rPr>
          <w:b/>
          <w:bCs/>
          <w:sz w:val="32"/>
          <w:szCs w:val="32"/>
        </w:rPr>
      </w:pPr>
      <w:r w:rsidRPr="00287599">
        <w:rPr>
          <w:b/>
          <w:bCs/>
          <w:sz w:val="32"/>
          <w:szCs w:val="32"/>
        </w:rPr>
        <w:t>Appendix A: Experimental MATLAB Scripts</w:t>
      </w:r>
    </w:p>
    <w:p w14:paraId="20D0CE7B" w14:textId="77777777" w:rsidR="00287599" w:rsidRPr="00287599" w:rsidRDefault="00287599" w:rsidP="00287599">
      <w:r w:rsidRPr="00287599">
        <w:t>This appendix includes the MATLAB scripts developed and used for implementing, evaluating, and profiling all compression techniques discussed in this thesis. Each compression method — whether existing or unexplored — was tested using three core script modules:</w:t>
      </w:r>
    </w:p>
    <w:p w14:paraId="058DF9BD" w14:textId="55CB4FDF" w:rsidR="00287599" w:rsidRPr="000E6BA4" w:rsidRDefault="00EB6E4D" w:rsidP="00287599">
      <w:pPr>
        <w:numPr>
          <w:ilvl w:val="0"/>
          <w:numId w:val="5"/>
        </w:numPr>
      </w:pPr>
      <w:r w:rsidRPr="000E6BA4">
        <w:t>Image Quality</w:t>
      </w:r>
      <w:r w:rsidR="00287599" w:rsidRPr="000E6BA4">
        <w:t xml:space="preserve"> Evaluation Script: Implements the method and computes FWHM, SSIM, CNR, and CR.</w:t>
      </w:r>
    </w:p>
    <w:p w14:paraId="32B26BDA" w14:textId="03474511" w:rsidR="00287599" w:rsidRPr="000E6BA4" w:rsidRDefault="00EB6E4D" w:rsidP="00287599">
      <w:pPr>
        <w:numPr>
          <w:ilvl w:val="0"/>
          <w:numId w:val="5"/>
        </w:numPr>
      </w:pPr>
      <w:r w:rsidRPr="000E6BA4">
        <w:t>Transmission Performance Evaluation Script:</w:t>
      </w:r>
      <w:r w:rsidR="00287599" w:rsidRPr="000E6BA4">
        <w:t xml:space="preserve"> Simulates image transmission over 3G and 4G networks using the </w:t>
      </w:r>
      <w:proofErr w:type="spellStart"/>
      <w:r w:rsidR="00287599" w:rsidRPr="000E6BA4">
        <w:rPr>
          <w:rFonts w:ascii="Courier New" w:hAnsi="Courier New" w:cs="Courier New"/>
        </w:rPr>
        <w:t>simulate_transfer</w:t>
      </w:r>
      <w:proofErr w:type="spellEnd"/>
      <w:r w:rsidR="00287599" w:rsidRPr="000E6BA4">
        <w:t xml:space="preserve"> function.</w:t>
      </w:r>
    </w:p>
    <w:p w14:paraId="01E059C6" w14:textId="77777777" w:rsidR="00287599" w:rsidRPr="000E6BA4" w:rsidRDefault="00287599" w:rsidP="00287599">
      <w:pPr>
        <w:numPr>
          <w:ilvl w:val="0"/>
          <w:numId w:val="5"/>
        </w:numPr>
      </w:pPr>
      <w:r w:rsidRPr="000E6BA4">
        <w:t xml:space="preserve">Timing and Memory Profiling Script: Uses MATLAB's tic, toc, and </w:t>
      </w:r>
      <w:proofErr w:type="spellStart"/>
      <w:r w:rsidRPr="000E6BA4">
        <w:t>whos</w:t>
      </w:r>
      <w:proofErr w:type="spellEnd"/>
      <w:r w:rsidRPr="000E6BA4">
        <w:t xml:space="preserve"> functions to assess execution time and memory consumption.</w:t>
      </w:r>
    </w:p>
    <w:p w14:paraId="00EBCD8C" w14:textId="0ADFE888" w:rsidR="00287599" w:rsidRDefault="00287599">
      <w:pPr>
        <w:rPr>
          <w:b/>
          <w:bCs/>
          <w:sz w:val="28"/>
          <w:szCs w:val="28"/>
        </w:rPr>
      </w:pPr>
      <w:r w:rsidRPr="00287599">
        <w:rPr>
          <w:b/>
          <w:bCs/>
          <w:sz w:val="28"/>
          <w:szCs w:val="28"/>
        </w:rPr>
        <w:t>Appendix A.1: Existing Compression Techniques</w:t>
      </w:r>
    </w:p>
    <w:p w14:paraId="1A1A4A46" w14:textId="77777777" w:rsidR="00287599" w:rsidRDefault="00287599" w:rsidP="00287599">
      <w:pPr>
        <w:rPr>
          <w:b/>
          <w:bCs/>
          <w:sz w:val="24"/>
          <w:szCs w:val="24"/>
          <w:lang w:val="en-US"/>
        </w:rPr>
      </w:pPr>
      <w:bookmarkStart w:id="0" w:name="_Hlk198950088"/>
      <w:r w:rsidRPr="00287599">
        <w:rPr>
          <w:b/>
          <w:bCs/>
          <w:sz w:val="24"/>
          <w:szCs w:val="24"/>
          <w:lang w:val="en-US"/>
        </w:rPr>
        <w:t>A.1.1 Discrete Cosine Transform (DCT)</w:t>
      </w:r>
    </w:p>
    <w:bookmarkEnd w:id="0"/>
    <w:p w14:paraId="77715C1B" w14:textId="4DB10FC6" w:rsidR="00EB6E4D" w:rsidRPr="0048038D" w:rsidRDefault="0048038D" w:rsidP="00287599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p w14:paraId="7794DF9C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ageFil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dir(fullfile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'\\stafffiles.win.canberra.edu.au\homes$\s443807\My Documents\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Matlab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\10 images\Images', '*.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pn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')); ...</w:t>
      </w:r>
    </w:p>
    <w:p w14:paraId="25534F59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      </w:t>
      </w:r>
      <w:proofErr w:type="spellStart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di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ullfil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'\\stafffiles.win.canberra.edu.au\homes$\s443807\My Documents\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Matlab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\10 images\Images', '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*.jpg')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0817BD90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num_imag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min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10, length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ageFil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11CFE195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whm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6F0DC14E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nr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7DBDC5AB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sim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74552688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r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01B42187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pixel_siz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0.3528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7676DDBB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</w:p>
    <w:p w14:paraId="492536C9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for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1:num_images</w:t>
      </w:r>
    </w:p>
    <w:p w14:paraId="33B3A47F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read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ullfil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ageFil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.folder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ageFil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).name)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0DBA700F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if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size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, 3) == 3</w:t>
      </w:r>
    </w:p>
    <w:p w14:paraId="4469B3B5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rgb2gray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262012CD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end</w:t>
      </w:r>
    </w:p>
    <w:p w14:paraId="377E1977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dct_imag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dct2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7BA3BFA5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threshold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5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53FC1FD7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dct_imag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abs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dct_imag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) &lt; threshold)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0;</w:t>
      </w:r>
      <w:proofErr w:type="gramEnd"/>
    </w:p>
    <w:p w14:paraId="0A5E6189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ompressed_im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idct2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dct_image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61D083DB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profile = double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ompressed_im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(round(end/2),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:)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175F6684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max_va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max(profile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41EC9664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half_ma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max_va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/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2;</w:t>
      </w:r>
      <w:proofErr w:type="gramEnd"/>
    </w:p>
    <w:p w14:paraId="2C525C43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left_id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find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profile &gt;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half_ma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, 1, 'first'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6EAA3953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right_id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find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profile &gt;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half_ma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, 1, 'last'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13660DD5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whm_pixel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right_id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-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left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4D2D4E6A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whm_mm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whm_pixel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*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pixel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siz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</w:p>
    <w:p w14:paraId="5E260E86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whm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whm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whm_mm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75081899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reconstruction_erro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abs(double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) - double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ompressed_im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52A49154" w14:textId="2C57052D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dynamic_threshold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mean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reconstruction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erro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:)) + 2 * </w:t>
      </w:r>
      <w:r w:rsid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std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reconstruction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erro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0E682527" w14:textId="216E4BBE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ignal_region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reconstruction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erro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reconstruction_erro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&gt; </w:t>
      </w:r>
      <w:r w:rsid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dynamic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_threshold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4C65F048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background_region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reconstruction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erro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reconstruction_erro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&lt;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dynamic_threshold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7DBFCCF3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if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sempty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ignal_region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) ||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sempty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background_region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)</w:t>
      </w:r>
    </w:p>
    <w:p w14:paraId="42267B77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lastRenderedPageBreak/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NaN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595B615D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sim_va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NaN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21B32486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else</w:t>
      </w:r>
    </w:p>
    <w:p w14:paraId="708CE631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mu_signa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mean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signal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region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6867EADF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mu_background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mean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background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region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75AA5DA0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</w:p>
    <w:p w14:paraId="23D6C38E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td_signa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std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signal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region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0118DEF4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td_background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std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background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region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322DEB3E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abs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mu_signa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-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mu_background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) /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td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background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</w:p>
    <w:p w14:paraId="26A670A2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sim_va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sim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uint8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ompressed_im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)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5A3BC44A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end</w:t>
      </w:r>
    </w:p>
    <w:p w14:paraId="41E62D60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nr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nr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36679FFB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sim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sim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sim_val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40712D6F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original_siz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nume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) *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8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50E8DF94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ompressed_siz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nume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find(</w:t>
      </w:r>
      <w:proofErr w:type="spellStart"/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dct_imag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~= 0)) * 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8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10D60BF5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r_valu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original_siz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/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ompressed_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size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7E956BA6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r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r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r_value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454FC19B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'Image %d: FWHM: %.2f mm, CNR: %.2f, SSIM: %.2f, CR: %.2f\n', ...</w:t>
      </w:r>
    </w:p>
    <w:p w14:paraId="1FC32C5B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whm_mm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sim_val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r_value</w:t>
      </w:r>
      <w:proofErr w:type="spellEnd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1D8958C1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EB6E4D">
        <w:rPr>
          <w:rFonts w:ascii="Courier New" w:hAnsi="Courier New" w:cs="Courier New"/>
          <w:sz w:val="20"/>
          <w:szCs w:val="20"/>
          <w:lang w:val="en-US"/>
        </w:rPr>
        <w:t>end</w:t>
      </w:r>
    </w:p>
    <w:p w14:paraId="391EB8B5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'Average FWHM: %.2f mm\n', mean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fwhm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6AA0D45D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'Average CNR: %.2f\n', mean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nr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36FFE11B" w14:textId="77777777" w:rsidR="00D1075E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'Average SSIM: %.2f\n', mean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ssim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69906F58" w14:textId="116BA32D" w:rsidR="006923D1" w:rsidRPr="00EB6E4D" w:rsidRDefault="00D1075E" w:rsidP="00EB6E4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EB6E4D">
        <w:rPr>
          <w:rFonts w:ascii="Courier New" w:hAnsi="Courier New" w:cs="Courier New"/>
          <w:sz w:val="20"/>
          <w:szCs w:val="20"/>
          <w:lang w:val="en-US"/>
        </w:rPr>
        <w:t>'Average CR: %.2f\n', mean(</w:t>
      </w:r>
      <w:proofErr w:type="spellStart"/>
      <w:r w:rsidRPr="00EB6E4D">
        <w:rPr>
          <w:rFonts w:ascii="Courier New" w:hAnsi="Courier New" w:cs="Courier New"/>
          <w:sz w:val="20"/>
          <w:szCs w:val="20"/>
          <w:lang w:val="en-US"/>
        </w:rPr>
        <w:t>cr_values</w:t>
      </w:r>
      <w:proofErr w:type="spellEnd"/>
      <w:r w:rsidRPr="00EB6E4D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EB6E4D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63E8EEB0" w14:textId="77777777" w:rsidR="0048038D" w:rsidRDefault="0048038D" w:rsidP="00287599">
      <w:pPr>
        <w:rPr>
          <w:b/>
          <w:bCs/>
          <w:sz w:val="24"/>
          <w:szCs w:val="24"/>
        </w:rPr>
      </w:pPr>
    </w:p>
    <w:p w14:paraId="2761A710" w14:textId="022F1944" w:rsidR="006923D1" w:rsidRPr="00287599" w:rsidRDefault="0048038D" w:rsidP="00287599">
      <w:pPr>
        <w:rPr>
          <w:u w:val="single"/>
          <w:lang w:val="en-US"/>
        </w:rPr>
      </w:pPr>
      <w:bookmarkStart w:id="1" w:name="_Hlk198950512"/>
      <w:r w:rsidRPr="0048038D">
        <w:rPr>
          <w:u w:val="single"/>
        </w:rPr>
        <w:t>Transmission Performance Evaluation</w:t>
      </w:r>
    </w:p>
    <w:bookmarkEnd w:id="1"/>
    <w:p w14:paraId="56DA66D2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48038D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png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')); ...</w:t>
      </w:r>
    </w:p>
    <w:p w14:paraId="13A76168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Dir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]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17508177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48038D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min(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)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06836BEE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   </w:t>
      </w:r>
    </w:p>
    <w:p w14:paraId="7AD037B0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20F55DEA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48038D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0020A0F8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CBFE17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DFBACE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0C0E6235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mg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48038D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DA37FD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48038D">
        <w:rPr>
          <w:rFonts w:ascii="Courier New" w:hAnsi="Courier New" w:cs="Courier New"/>
          <w:sz w:val="20"/>
          <w:szCs w:val="20"/>
        </w:rPr>
        <w:t>img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, 3) == 3</w:t>
      </w:r>
    </w:p>
    <w:p w14:paraId="34A2A93F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mg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5F43A289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end</w:t>
      </w:r>
    </w:p>
    <w:p w14:paraId="40BF5B01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dct2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130B29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threshold =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5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5D9FD68B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abs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) &lt; threshold) =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57F68A9B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idct2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dct_image</w:t>
      </w:r>
      <w:proofErr w:type="spellEnd"/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28303CAB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48038D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48038D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~= 0)) *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8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5D943639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48038D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F11B33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48038D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AD3BFB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48038D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7DE2FED2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)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56BB0C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>end</w:t>
      </w:r>
    </w:p>
    <w:p w14:paraId="02527F79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48038D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F0FCB4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48038D">
        <w:rPr>
          <w:rFonts w:ascii="Courier New" w:hAnsi="Courier New" w:cs="Courier New"/>
          <w:sz w:val="20"/>
          <w:szCs w:val="20"/>
        </w:rPr>
        <w:lastRenderedPageBreak/>
        <w:t>fprintf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1B64A1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48038D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)</w:t>
      </w:r>
    </w:p>
    <w:p w14:paraId="06F039CD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8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48E6219F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48038D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48038D">
        <w:rPr>
          <w:rFonts w:ascii="Courier New" w:hAnsi="Courier New" w:cs="Courier New"/>
          <w:sz w:val="20"/>
          <w:szCs w:val="20"/>
        </w:rPr>
        <w:t>)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3FA4BAC9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bp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2D9E8BAF" w14:textId="77777777" w:rsidR="0048038D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48038D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48038D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48038D">
        <w:rPr>
          <w:rFonts w:ascii="Courier New" w:hAnsi="Courier New" w:cs="Courier New"/>
          <w:sz w:val="20"/>
          <w:szCs w:val="20"/>
        </w:rPr>
        <w:t>;</w:t>
      </w:r>
      <w:proofErr w:type="gramEnd"/>
      <w:r w:rsidRPr="0048038D">
        <w:rPr>
          <w:rFonts w:ascii="Courier New" w:hAnsi="Courier New" w:cs="Courier New"/>
          <w:sz w:val="20"/>
          <w:szCs w:val="20"/>
        </w:rPr>
        <w:t xml:space="preserve"> </w:t>
      </w:r>
    </w:p>
    <w:p w14:paraId="0C74794D" w14:textId="36618A2C" w:rsidR="00287599" w:rsidRPr="0048038D" w:rsidRDefault="0048038D" w:rsidP="0048038D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48038D">
        <w:rPr>
          <w:rFonts w:ascii="Courier New" w:hAnsi="Courier New" w:cs="Courier New"/>
          <w:sz w:val="20"/>
          <w:szCs w:val="20"/>
        </w:rPr>
        <w:t>end</w:t>
      </w:r>
    </w:p>
    <w:p w14:paraId="712B83F9" w14:textId="77777777" w:rsidR="0048038D" w:rsidRDefault="0048038D">
      <w:pPr>
        <w:rPr>
          <w:b/>
          <w:bCs/>
        </w:rPr>
      </w:pPr>
    </w:p>
    <w:p w14:paraId="1B3D4F5C" w14:textId="6514FC9A" w:rsidR="00287599" w:rsidRDefault="0048038D">
      <w:pPr>
        <w:rPr>
          <w:u w:val="single"/>
        </w:rPr>
      </w:pPr>
      <w:bookmarkStart w:id="2" w:name="_Hlk198950625"/>
      <w:r w:rsidRPr="00287599">
        <w:rPr>
          <w:u w:val="single"/>
        </w:rPr>
        <w:t>Timing and Memory Profiling</w:t>
      </w:r>
    </w:p>
    <w:bookmarkEnd w:id="2"/>
    <w:p w14:paraId="7EBD85F2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7D0B52">
        <w:rPr>
          <w:rFonts w:ascii="Courier New" w:hAnsi="Courier New" w:cs="Courier New"/>
          <w:sz w:val="20"/>
          <w:szCs w:val="20"/>
        </w:rPr>
        <w:t>clc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7C8A18E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D0B52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pwd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)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EA9C2D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D0B52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21765127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D0B52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7D0B52">
        <w:rPr>
          <w:rFonts w:ascii="Courier New" w:hAnsi="Courier New" w:cs="Courier New"/>
          <w:sz w:val="20"/>
          <w:szCs w:val="20"/>
        </w:rPr>
        <w:t>dir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D0B52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png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7D0B52">
        <w:rPr>
          <w:rFonts w:ascii="Courier New" w:hAnsi="Courier New" w:cs="Courier New"/>
          <w:sz w:val="20"/>
          <w:szCs w:val="20"/>
        </w:rPr>
        <w:t>dir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D0B52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31400BC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D0B52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min(</w:t>
      </w:r>
      <w:proofErr w:type="gramEnd"/>
      <w:r w:rsidRPr="007D0B52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)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6D15A5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D0B52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7D0B52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E4439F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002D4B9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7D0B52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7D0B5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A78C42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D0B5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, 3) == 3,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); end</w:t>
      </w:r>
    </w:p>
    <w:p w14:paraId="61BC8BA7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try</w:t>
      </w:r>
    </w:p>
    <w:p w14:paraId="1946710B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3E6B71A3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run_DCT_compression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F34E5C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2311F897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catch ME</w:t>
      </w:r>
    </w:p>
    <w:p w14:paraId="037A722E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7D0B52">
        <w:rPr>
          <w:rFonts w:ascii="Courier New" w:hAnsi="Courier New" w:cs="Courier New"/>
          <w:sz w:val="20"/>
          <w:szCs w:val="20"/>
        </w:rPr>
        <w:t>['Error on image ', num2str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), ': ', </w:t>
      </w:r>
      <w:proofErr w:type="spellStart"/>
      <w:proofErr w:type="gramStart"/>
      <w:r w:rsidRPr="007D0B52">
        <w:rPr>
          <w:rFonts w:ascii="Courier New" w:hAnsi="Courier New" w:cs="Courier New"/>
          <w:sz w:val="20"/>
          <w:szCs w:val="20"/>
        </w:rPr>
        <w:t>ME.message</w:t>
      </w:r>
      <w:proofErr w:type="spellEnd"/>
      <w:proofErr w:type="gramEnd"/>
      <w:r w:rsidRPr="007D0B52">
        <w:rPr>
          <w:rFonts w:ascii="Courier New" w:hAnsi="Courier New" w:cs="Courier New"/>
          <w:sz w:val="20"/>
          <w:szCs w:val="20"/>
        </w:rPr>
        <w:t>]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7B0078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7D0B52">
        <w:rPr>
          <w:rFonts w:ascii="Courier New" w:hAnsi="Courier New" w:cs="Courier New"/>
          <w:sz w:val="20"/>
          <w:szCs w:val="20"/>
        </w:rPr>
        <w:t>NaN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8CDA016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end</w:t>
      </w:r>
    </w:p>
    <w:p w14:paraId="53833113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>end</w:t>
      </w:r>
    </w:p>
    <w:p w14:paraId="6AFE91DF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D0B52">
        <w:rPr>
          <w:rFonts w:ascii="Courier New" w:hAnsi="Courier New" w:cs="Courier New"/>
          <w:sz w:val="20"/>
          <w:szCs w:val="20"/>
        </w:rPr>
        <w:t>avg_time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exec_times</w:t>
      </w:r>
      <w:proofErr w:type="spellEnd"/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2F0E66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D0B52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7F483897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D0B52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7D0B52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10AFFB62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D0B52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gramEnd"/>
      <w:r w:rsidRPr="007D0B52">
        <w:rPr>
          <w:rFonts w:ascii="Courier New" w:hAnsi="Courier New" w:cs="Courier New"/>
          <w:sz w:val="20"/>
          <w:szCs w:val="20"/>
        </w:rPr>
        <w:t>'\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nDCT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 xml:space="preserve"> Compression Benchmarking Results:\n'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4BA243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D0B52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gramEnd"/>
      <w:r w:rsidRPr="007D0B52">
        <w:rPr>
          <w:rFonts w:ascii="Courier New" w:hAnsi="Courier New" w:cs="Courier New"/>
          <w:sz w:val="20"/>
          <w:szCs w:val="20"/>
        </w:rPr>
        <w:t xml:space="preserve">'Average Execution Time (s): %.4f\n',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avg_time</w:t>
      </w:r>
      <w:proofErr w:type="spellEnd"/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9CBF01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D0B52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gramEnd"/>
      <w:r w:rsidRPr="007D0B52">
        <w:rPr>
          <w:rFonts w:ascii="Courier New" w:hAnsi="Courier New" w:cs="Courier New"/>
          <w:sz w:val="20"/>
          <w:szCs w:val="20"/>
        </w:rPr>
        <w:t xml:space="preserve">'Memory Usage (MB): %.2f\n',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mem_usage</w:t>
      </w:r>
      <w:proofErr w:type="spellEnd"/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585AF5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run_DCT_compression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D0B52">
        <w:rPr>
          <w:rFonts w:ascii="Courier New" w:hAnsi="Courier New" w:cs="Courier New"/>
          <w:sz w:val="20"/>
          <w:szCs w:val="20"/>
        </w:rPr>
        <w:t>)</w:t>
      </w:r>
    </w:p>
    <w:p w14:paraId="72A661C9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I = double(</w:t>
      </w:r>
      <w:proofErr w:type="spellStart"/>
      <w:r w:rsidRPr="007D0B52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0254BA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D = dct2(I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795564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threshold =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5;</w:t>
      </w:r>
      <w:proofErr w:type="gramEnd"/>
    </w:p>
    <w:p w14:paraId="01CD8D83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D(abs(D) &lt; threshold) = 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45BA8633" w14:textId="77777777" w:rsidR="007D0B52" w:rsidRPr="007D0B52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 xml:space="preserve">    C = idct2(D</w:t>
      </w:r>
      <w:proofErr w:type="gramStart"/>
      <w:r w:rsidRPr="007D0B5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93FD1F9" w14:textId="1FBB216E" w:rsidR="0048038D" w:rsidRDefault="007D0B52" w:rsidP="007D0B52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D0B52">
        <w:rPr>
          <w:rFonts w:ascii="Courier New" w:hAnsi="Courier New" w:cs="Courier New"/>
          <w:sz w:val="20"/>
          <w:szCs w:val="20"/>
        </w:rPr>
        <w:t>end</w:t>
      </w:r>
    </w:p>
    <w:p w14:paraId="587CE965" w14:textId="77777777" w:rsidR="00FF25EE" w:rsidRDefault="00FF25EE" w:rsidP="00FF25EE">
      <w:pPr>
        <w:rPr>
          <w:rFonts w:ascii="Courier New" w:hAnsi="Courier New" w:cs="Courier New"/>
          <w:sz w:val="20"/>
          <w:szCs w:val="20"/>
        </w:rPr>
      </w:pPr>
    </w:p>
    <w:p w14:paraId="20F444AD" w14:textId="77777777" w:rsidR="00FF25EE" w:rsidRDefault="00FF25EE" w:rsidP="00FF25EE">
      <w:pPr>
        <w:rPr>
          <w:rFonts w:ascii="Courier New" w:hAnsi="Courier New" w:cs="Courier New"/>
          <w:sz w:val="20"/>
          <w:szCs w:val="20"/>
        </w:rPr>
      </w:pPr>
    </w:p>
    <w:p w14:paraId="1F45D92F" w14:textId="77777777" w:rsidR="000E6BA4" w:rsidRDefault="000E6BA4" w:rsidP="00FF25EE">
      <w:pPr>
        <w:rPr>
          <w:rFonts w:ascii="Courier New" w:hAnsi="Courier New" w:cs="Courier New"/>
          <w:sz w:val="20"/>
          <w:szCs w:val="20"/>
        </w:rPr>
      </w:pPr>
    </w:p>
    <w:p w14:paraId="69798CC2" w14:textId="77777777" w:rsidR="000E6BA4" w:rsidRDefault="000E6BA4" w:rsidP="00FF25EE">
      <w:pPr>
        <w:rPr>
          <w:rFonts w:ascii="Courier New" w:hAnsi="Courier New" w:cs="Courier New"/>
          <w:sz w:val="20"/>
          <w:szCs w:val="20"/>
        </w:rPr>
      </w:pPr>
    </w:p>
    <w:p w14:paraId="36039C1F" w14:textId="77777777" w:rsidR="000E6BA4" w:rsidRDefault="000E6BA4" w:rsidP="00FF25EE">
      <w:pPr>
        <w:rPr>
          <w:rFonts w:ascii="Courier New" w:hAnsi="Courier New" w:cs="Courier New"/>
          <w:sz w:val="20"/>
          <w:szCs w:val="20"/>
        </w:rPr>
      </w:pPr>
    </w:p>
    <w:p w14:paraId="7DF730C1" w14:textId="77777777" w:rsidR="000E6BA4" w:rsidRDefault="000E6BA4" w:rsidP="00FF25EE">
      <w:pPr>
        <w:rPr>
          <w:rFonts w:ascii="Courier New" w:hAnsi="Courier New" w:cs="Courier New"/>
          <w:sz w:val="20"/>
          <w:szCs w:val="20"/>
        </w:rPr>
      </w:pPr>
    </w:p>
    <w:p w14:paraId="271537DC" w14:textId="77777777" w:rsidR="00FF25EE" w:rsidRDefault="00FF25EE" w:rsidP="00FF25EE">
      <w:pPr>
        <w:rPr>
          <w:rFonts w:ascii="Courier New" w:hAnsi="Courier New" w:cs="Courier New"/>
          <w:sz w:val="20"/>
          <w:szCs w:val="20"/>
        </w:rPr>
      </w:pPr>
    </w:p>
    <w:p w14:paraId="26918F1F" w14:textId="77777777" w:rsidR="00FF25EE" w:rsidRDefault="00FF25EE" w:rsidP="00FF25EE">
      <w:pPr>
        <w:rPr>
          <w:rFonts w:ascii="Courier New" w:hAnsi="Courier New" w:cs="Courier New"/>
          <w:sz w:val="20"/>
          <w:szCs w:val="20"/>
        </w:rPr>
      </w:pPr>
    </w:p>
    <w:p w14:paraId="327D9A89" w14:textId="55AD7547" w:rsidR="00FF25EE" w:rsidRDefault="00FF25EE" w:rsidP="00FF25EE">
      <w:pPr>
        <w:rPr>
          <w:b/>
          <w:bCs/>
          <w:sz w:val="24"/>
          <w:szCs w:val="24"/>
          <w:lang w:val="en-US"/>
        </w:rPr>
      </w:pPr>
      <w:bookmarkStart w:id="3" w:name="_Hlk198950691"/>
      <w:r w:rsidRPr="00287599">
        <w:rPr>
          <w:b/>
          <w:bCs/>
          <w:sz w:val="24"/>
          <w:szCs w:val="24"/>
          <w:lang w:val="en-US"/>
        </w:rPr>
        <w:lastRenderedPageBreak/>
        <w:t>A.1.</w:t>
      </w:r>
      <w:r>
        <w:rPr>
          <w:b/>
          <w:bCs/>
          <w:sz w:val="24"/>
          <w:szCs w:val="24"/>
          <w:lang w:val="en-US"/>
        </w:rPr>
        <w:t xml:space="preserve">2 </w:t>
      </w:r>
      <w:r w:rsidRPr="00FF25EE">
        <w:rPr>
          <w:b/>
          <w:bCs/>
          <w:sz w:val="24"/>
          <w:szCs w:val="24"/>
        </w:rPr>
        <w:t>Discrete Wavelet Transform (DWT</w:t>
      </w:r>
      <w:r>
        <w:rPr>
          <w:b/>
          <w:bCs/>
          <w:sz w:val="24"/>
          <w:szCs w:val="24"/>
        </w:rPr>
        <w:t>)</w:t>
      </w:r>
    </w:p>
    <w:p w14:paraId="778433BD" w14:textId="77777777" w:rsidR="00FF25EE" w:rsidRPr="0048038D" w:rsidRDefault="00FF25EE" w:rsidP="00FF25EE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bookmarkEnd w:id="3"/>
    <w:p w14:paraId="359AE9D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pn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')); ...</w:t>
      </w:r>
    </w:p>
    <w:p w14:paraId="1309753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Dir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CE3450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in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5DB18C5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1521C8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61C39A8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3DCD618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A0E3E6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'db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'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7F7D77B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decompositionlev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2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0B65C5ED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0.352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5A66DC0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</w:p>
    <w:p w14:paraId="3714DF7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CD1ADD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3) == 3</w:t>
      </w:r>
    </w:p>
    <w:p w14:paraId="758C7330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282BEFA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nd</w:t>
      </w:r>
    </w:p>
    <w:p w14:paraId="38958CD8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[c, s] = wavedec2(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decompositionlev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4916A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approx_leng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prod(s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AF6085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4BABA48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approx_leng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0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12D30F6F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waverec2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s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03C0A2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1901E03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0478BF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5E992980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34DA05EB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2B21C9D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left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4A49CD52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C5698CF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13104C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00904BDD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3ABB188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36A9CD10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2B2CBD1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</w:p>
    <w:p w14:paraId="6E5E48B5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nan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32183A8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nan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668ACAD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lse</w:t>
      </w:r>
    </w:p>
    <w:p w14:paraId="7593E2C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4570F717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19C409BF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td_sign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10B6967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47B62D6A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2F91679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DFE71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nd</w:t>
      </w:r>
    </w:p>
    <w:p w14:paraId="60B0391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38BE16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85229E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531DFFFF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~= 0))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40F2B04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3960868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716C05D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image %d: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: %.2f mm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: %.2f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: %.2f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\n', ...</w:t>
      </w:r>
    </w:p>
    <w:p w14:paraId="4EDE944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EABE6F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>end</w:t>
      </w:r>
    </w:p>
    <w:p w14:paraId="079877FA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 mm\n', mean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3F6884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\n', mean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9980B8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\n', mean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FC625F" w14:textId="21EBFAEC" w:rsidR="00FF25E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\n', mean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3FD1BD" w14:textId="77777777" w:rsidR="00645C9E" w:rsidRPr="00645C9E" w:rsidRDefault="00645C9E" w:rsidP="00645C9E">
      <w:pPr>
        <w:rPr>
          <w:rFonts w:ascii="Courier New" w:hAnsi="Courier New" w:cs="Courier New"/>
          <w:sz w:val="20"/>
          <w:szCs w:val="20"/>
        </w:rPr>
      </w:pPr>
    </w:p>
    <w:p w14:paraId="3A2CDA2A" w14:textId="77777777" w:rsidR="00645C9E" w:rsidRPr="00287599" w:rsidRDefault="00645C9E" w:rsidP="00645C9E">
      <w:pPr>
        <w:rPr>
          <w:u w:val="single"/>
          <w:lang w:val="en-US"/>
        </w:rPr>
      </w:pPr>
      <w:bookmarkStart w:id="4" w:name="_Hlk198950879"/>
      <w:r w:rsidRPr="0048038D">
        <w:rPr>
          <w:u w:val="single"/>
        </w:rPr>
        <w:t>Transmission Performance Evaluation</w:t>
      </w:r>
    </w:p>
    <w:bookmarkEnd w:id="4"/>
    <w:p w14:paraId="5F6A2F22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pn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')); ...</w:t>
      </w:r>
    </w:p>
    <w:p w14:paraId="079F0F1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Dir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C12696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in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96266E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  </w:t>
      </w:r>
    </w:p>
    <w:p w14:paraId="7F12F86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15D02F4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EB2A8E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06BE9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CBBAC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'db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'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7AC9E033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decompositionlev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2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2DAAF84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3042127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7888B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3) == 3</w:t>
      </w:r>
    </w:p>
    <w:p w14:paraId="4B21D37C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BBB1150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nd</w:t>
      </w:r>
    </w:p>
    <w:p w14:paraId="02941F0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[c, s] = wavedec2(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decompositionlev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7717D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approx_leng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prod(s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EDAC48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29B2B16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approx_leng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0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474C6780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_croppe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waverec2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s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2B845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58124E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~= 0))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6723C5C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82925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347291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021BD42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A7C8B3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>end</w:t>
      </w:r>
    </w:p>
    <w:p w14:paraId="3FCB224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EF689C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8D1FCE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</w:p>
    <w:p w14:paraId="4E0A1AD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4B4B7C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53FBD317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bp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EDE0C5E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5AD48E64" w14:textId="278D6B62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>end</w:t>
      </w:r>
    </w:p>
    <w:p w14:paraId="454EA390" w14:textId="77777777" w:rsidR="00645C9E" w:rsidRPr="00645C9E" w:rsidRDefault="00645C9E" w:rsidP="00645C9E">
      <w:pPr>
        <w:rPr>
          <w:rFonts w:ascii="Courier New" w:hAnsi="Courier New" w:cs="Courier New"/>
          <w:sz w:val="20"/>
          <w:szCs w:val="20"/>
        </w:rPr>
      </w:pPr>
    </w:p>
    <w:p w14:paraId="264E99C0" w14:textId="77777777" w:rsidR="00645C9E" w:rsidRPr="00645C9E" w:rsidRDefault="00645C9E" w:rsidP="00645C9E">
      <w:pPr>
        <w:rPr>
          <w:rFonts w:ascii="Courier New" w:hAnsi="Courier New" w:cs="Courier New"/>
          <w:sz w:val="20"/>
          <w:szCs w:val="20"/>
        </w:rPr>
      </w:pPr>
    </w:p>
    <w:p w14:paraId="6052BADE" w14:textId="77777777" w:rsidR="00645C9E" w:rsidRDefault="00645C9E" w:rsidP="00645C9E">
      <w:pPr>
        <w:rPr>
          <w:u w:val="single"/>
        </w:rPr>
      </w:pPr>
      <w:r w:rsidRPr="00287599">
        <w:rPr>
          <w:u w:val="single"/>
        </w:rPr>
        <w:lastRenderedPageBreak/>
        <w:t>Timing and Memory Profiling</w:t>
      </w:r>
    </w:p>
    <w:p w14:paraId="3D67129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cl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6418340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pw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54F7E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78B747F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pn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A50898D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in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B9B053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AE52A4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A54C67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'db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7670B154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decompositionlev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5C4FE04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7F5BA18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51093D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3) == 3</w:t>
      </w:r>
    </w:p>
    <w:p w14:paraId="34DC6EC2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91DD3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nd</w:t>
      </w:r>
    </w:p>
    <w:p w14:paraId="01E097E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ry</w:t>
      </w:r>
    </w:p>
    <w:p w14:paraId="202FEAE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6953A16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I = 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638BBD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[c, s] = wavedec2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decompositionlev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F4A8A7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approx_leng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prod(s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1DF6E417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;</w:t>
      </w:r>
      <w:proofErr w:type="gramEnd"/>
    </w:p>
    <w:p w14:paraId="2398FC8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approx_leng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3F1CAD6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re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waverec2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s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34DA2D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68A2CC0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atch</w:t>
      </w:r>
    </w:p>
    <w:p w14:paraId="487B41E0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nan;</w:t>
      </w:r>
      <w:proofErr w:type="gramEnd"/>
    </w:p>
    <w:p w14:paraId="3B9B13D4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nd</w:t>
      </w:r>
    </w:p>
    <w:p w14:paraId="4754839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1049B81D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7728EC1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>end</w:t>
      </w:r>
    </w:p>
    <w:p w14:paraId="77F68AC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dwt compression timing and memory benchmark:\n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377692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98ECC5" w14:textId="12CC9D60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9457AC" w14:textId="77777777" w:rsidR="00645C9E" w:rsidRPr="00645C9E" w:rsidRDefault="00645C9E" w:rsidP="00645C9E">
      <w:pPr>
        <w:rPr>
          <w:rFonts w:ascii="Courier New" w:hAnsi="Courier New" w:cs="Courier New"/>
          <w:sz w:val="20"/>
          <w:szCs w:val="20"/>
        </w:rPr>
      </w:pPr>
    </w:p>
    <w:p w14:paraId="560194E4" w14:textId="77777777" w:rsidR="00645C9E" w:rsidRDefault="00645C9E" w:rsidP="00645C9E">
      <w:pPr>
        <w:rPr>
          <w:rFonts w:ascii="Courier New" w:hAnsi="Courier New" w:cs="Courier New"/>
          <w:sz w:val="20"/>
          <w:szCs w:val="20"/>
        </w:rPr>
      </w:pPr>
    </w:p>
    <w:p w14:paraId="0D61448B" w14:textId="040394E8" w:rsidR="00645C9E" w:rsidRDefault="00645C9E" w:rsidP="00645C9E">
      <w:pPr>
        <w:rPr>
          <w:b/>
          <w:bCs/>
          <w:sz w:val="24"/>
          <w:szCs w:val="24"/>
          <w:lang w:val="en-US"/>
        </w:rPr>
      </w:pPr>
      <w:bookmarkStart w:id="5" w:name="_Hlk198951025"/>
      <w:r w:rsidRPr="00287599">
        <w:rPr>
          <w:b/>
          <w:bCs/>
          <w:sz w:val="24"/>
          <w:szCs w:val="24"/>
          <w:lang w:val="en-US"/>
        </w:rPr>
        <w:t>A.1.</w:t>
      </w:r>
      <w:r>
        <w:rPr>
          <w:b/>
          <w:bCs/>
          <w:sz w:val="24"/>
          <w:szCs w:val="24"/>
          <w:lang w:val="en-US"/>
        </w:rPr>
        <w:t xml:space="preserve">3 </w:t>
      </w:r>
      <w:r w:rsidRPr="00645C9E">
        <w:rPr>
          <w:b/>
          <w:bCs/>
          <w:sz w:val="24"/>
          <w:szCs w:val="24"/>
        </w:rPr>
        <w:t>Hybrid DCT-DWT</w:t>
      </w:r>
    </w:p>
    <w:p w14:paraId="678F49AE" w14:textId="77777777" w:rsidR="00645C9E" w:rsidRPr="0048038D" w:rsidRDefault="00645C9E" w:rsidP="00645C9E">
      <w:pPr>
        <w:rPr>
          <w:u w:val="single"/>
          <w:lang w:val="en-US"/>
        </w:rPr>
      </w:pPr>
      <w:bookmarkStart w:id="6" w:name="_Hlk198951083"/>
      <w:bookmarkEnd w:id="5"/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bookmarkEnd w:id="6"/>
    <w:p w14:paraId="760EA3D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pn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')); ...</w:t>
      </w:r>
    </w:p>
    <w:p w14:paraId="2AB17BED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Dir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5EC0BB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in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B8B26ED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461473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2F5B8D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7C1AC62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BFF0AFD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'db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'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52554827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decompositionlev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2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2CBDDB82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</w:p>
    <w:p w14:paraId="0A9ACDD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D6784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3) == 3</w:t>
      </w:r>
    </w:p>
    <w:p w14:paraId="11D051B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FDAEBB5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lastRenderedPageBreak/>
        <w:t xml:space="preserve">    end</w:t>
      </w:r>
    </w:p>
    <w:p w14:paraId="0C917AFD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[c, s] = wavedec2(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, 1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27F5A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approx_ll1 = appcoef2(c, s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4C08EFC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[c2, s2] = wavedec2(double(approx_ll1), 1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E3576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approx_ll2 = appcoef2(c2, s2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59D9190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dct_ll2 = dct2(approx_ll2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E63E84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hreshold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20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3F93BC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dct_ll2(abs(dct_ll2) &lt; threshold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0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B77E5E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ompressed_ll2 = idct2(dct_ll2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BB1B1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ompressed_c2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2;</w:t>
      </w:r>
      <w:proofErr w:type="gramEnd"/>
    </w:p>
    <w:p w14:paraId="320A40B4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ompressed_c2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(approx_ll2)) = compressed_ll2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: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4E61180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ompressed_img_ll1 = waverec2(compressed_c2, s2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DE387D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;</w:t>
      </w:r>
      <w:proofErr w:type="gramEnd"/>
    </w:p>
    <w:p w14:paraId="1CDEAE34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(approx_ll1)) = compressed_img_ll1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: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25CDC0C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waverec2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s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16A765A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4C4B3A87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113318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17E208B2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55745A92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BC37EEF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left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45E9863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0.352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2ACFD64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25B84B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0BFFE33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72BC49F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3C6E4DC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6EABB4AB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</w:p>
    <w:p w14:paraId="4C3F0659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nan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28E3527C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nan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33E023D5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lse</w:t>
      </w:r>
    </w:p>
    <w:p w14:paraId="38CB727A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6FF392D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6E54A70E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td_sign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4099AE69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62C4C264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16264C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C0CFBB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nd</w:t>
      </w:r>
    </w:p>
    <w:p w14:paraId="4DEDFD91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E258C34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1806947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7653A015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find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dct_ll2 ~= 0))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013136ED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5814C7C9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04151DF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image %d: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: %.2f mm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: %.2f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: %.2f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\n', ...</w:t>
      </w:r>
    </w:p>
    <w:p w14:paraId="54EEB3DF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776660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>end</w:t>
      </w:r>
    </w:p>
    <w:p w14:paraId="539F4E1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 mm\n', mean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837A56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\n', mean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F8EEA3" w14:textId="77777777" w:rsidR="00645C9E" w:rsidRP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\n', mean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17E806" w14:textId="27E7C24D" w:rsidR="00645C9E" w:rsidRDefault="00645C9E" w:rsidP="00645C9E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: %.2f\n', mean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D942D1" w14:textId="77777777" w:rsidR="00645C9E" w:rsidRDefault="00645C9E" w:rsidP="00645C9E">
      <w:pPr>
        <w:rPr>
          <w:rFonts w:ascii="Courier New" w:hAnsi="Courier New" w:cs="Courier New"/>
          <w:sz w:val="20"/>
          <w:szCs w:val="20"/>
        </w:rPr>
      </w:pPr>
    </w:p>
    <w:p w14:paraId="2A1E274A" w14:textId="77777777" w:rsidR="00645C9E" w:rsidRDefault="00645C9E" w:rsidP="00645C9E">
      <w:pPr>
        <w:rPr>
          <w:rFonts w:ascii="Courier New" w:hAnsi="Courier New" w:cs="Courier New"/>
          <w:sz w:val="20"/>
          <w:szCs w:val="20"/>
        </w:rPr>
      </w:pPr>
    </w:p>
    <w:p w14:paraId="6A99C06A" w14:textId="77777777" w:rsidR="00645C9E" w:rsidRPr="00645C9E" w:rsidRDefault="00645C9E" w:rsidP="00645C9E">
      <w:pPr>
        <w:rPr>
          <w:rFonts w:ascii="Courier New" w:hAnsi="Courier New" w:cs="Courier New"/>
          <w:sz w:val="20"/>
          <w:szCs w:val="20"/>
        </w:rPr>
      </w:pPr>
    </w:p>
    <w:p w14:paraId="264BAF0E" w14:textId="77777777" w:rsidR="00645C9E" w:rsidRPr="00287599" w:rsidRDefault="00645C9E" w:rsidP="00645C9E">
      <w:pPr>
        <w:rPr>
          <w:u w:val="single"/>
          <w:lang w:val="en-US"/>
        </w:rPr>
      </w:pPr>
      <w:bookmarkStart w:id="7" w:name="_Hlk198951401"/>
      <w:r w:rsidRPr="0048038D">
        <w:rPr>
          <w:u w:val="single"/>
        </w:rPr>
        <w:lastRenderedPageBreak/>
        <w:t>Transmission Performance Evaluation</w:t>
      </w:r>
    </w:p>
    <w:bookmarkEnd w:id="7"/>
    <w:p w14:paraId="7620B22E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pn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')); ...</w:t>
      </w:r>
    </w:p>
    <w:p w14:paraId="5F60942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Dir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1720AFB4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in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5C0158D1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  </w:t>
      </w:r>
    </w:p>
    <w:p w14:paraId="3AB92E41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D3055C4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2573E74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03EAE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570551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'db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'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 </w:t>
      </w:r>
    </w:p>
    <w:p w14:paraId="4A73E21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decompositionlev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2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5AB6961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9A9514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A068A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3) == 3</w:t>
      </w:r>
    </w:p>
    <w:p w14:paraId="27DC0100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3E1F1C2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nd</w:t>
      </w:r>
    </w:p>
    <w:p w14:paraId="4A8855D1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[c, s] = wavedec2(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, 1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51159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approx_ll1 = appcoef2(c, s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20B6BD9E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[c2, s2] = wavedec2(double(approx_ll1), 1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9515DD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approx_ll2 = appcoef2(c2, s2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7B74935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dct_ll2 = dct2(approx_ll2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45DC41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hreshold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20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0D1F8D7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dct_ll2(abs(dct_ll2) &lt; threshold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0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0E83F97C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ompressed_ll2 = idct2(dct_ll2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06D44C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ompressed_c2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2;</w:t>
      </w:r>
      <w:proofErr w:type="gramEnd"/>
    </w:p>
    <w:p w14:paraId="390B680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ompressed_c2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(approx_ll2)) = compressed_ll2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: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05A30800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ompressed_img_ll1 = waverec2(compressed_c2, s2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5A769C9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;</w:t>
      </w:r>
      <w:proofErr w:type="gramEnd"/>
    </w:p>
    <w:p w14:paraId="1362870E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(approx_ll1)) = compressed_img_ll1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: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45E3E60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waverec2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ompressed_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s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wavelettyp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52FC480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3363F1D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find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dct_ll2 ~= 0))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1C41688D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54997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90B643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26ACF31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F7AA60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>end</w:t>
      </w:r>
    </w:p>
    <w:p w14:paraId="5F5014F7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413DB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EA7F1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</w:p>
    <w:p w14:paraId="0A1A396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8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2B18BFB2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F7EC7A2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bp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6DBD85FD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</w:t>
      </w:r>
    </w:p>
    <w:p w14:paraId="2AF631CD" w14:textId="1ACA29BB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>end</w:t>
      </w:r>
    </w:p>
    <w:p w14:paraId="08807CC2" w14:textId="77777777" w:rsidR="00645C9E" w:rsidRDefault="00645C9E" w:rsidP="00645C9E">
      <w:pPr>
        <w:tabs>
          <w:tab w:val="left" w:pos="2228"/>
        </w:tabs>
        <w:rPr>
          <w:rFonts w:ascii="Courier New" w:hAnsi="Courier New" w:cs="Courier New"/>
          <w:sz w:val="20"/>
          <w:szCs w:val="20"/>
        </w:rPr>
      </w:pPr>
    </w:p>
    <w:p w14:paraId="23B92D8F" w14:textId="77777777" w:rsidR="00645C9E" w:rsidRDefault="00645C9E" w:rsidP="00645C9E">
      <w:pPr>
        <w:rPr>
          <w:u w:val="single"/>
        </w:rPr>
      </w:pPr>
    </w:p>
    <w:p w14:paraId="5F8A5C4D" w14:textId="77777777" w:rsidR="00645C9E" w:rsidRDefault="00645C9E" w:rsidP="00645C9E">
      <w:pPr>
        <w:rPr>
          <w:u w:val="single"/>
        </w:rPr>
      </w:pPr>
    </w:p>
    <w:p w14:paraId="443EC849" w14:textId="12158B36" w:rsidR="00645C9E" w:rsidRDefault="00645C9E" w:rsidP="00645C9E">
      <w:pPr>
        <w:rPr>
          <w:u w:val="single"/>
        </w:rPr>
      </w:pPr>
      <w:r w:rsidRPr="00287599">
        <w:rPr>
          <w:u w:val="single"/>
        </w:rPr>
        <w:lastRenderedPageBreak/>
        <w:t>Timing and Memory Profiling</w:t>
      </w:r>
    </w:p>
    <w:p w14:paraId="61415B6C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clc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35D25F0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pw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852AA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5AC20090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pn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F9C817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in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203E7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098C4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5B57AEAD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D4FAE3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3) == 3</w:t>
      </w:r>
    </w:p>
    <w:p w14:paraId="7EA9C0B6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52F5A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nd</w:t>
      </w:r>
    </w:p>
    <w:p w14:paraId="76A8263E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try</w:t>
      </w:r>
    </w:p>
    <w:p w14:paraId="2BD01967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696B4813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un_hybrid_compress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B901EE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7B8BD90E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atch me</w:t>
      </w:r>
    </w:p>
    <w:p w14:paraId="3F12E6D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['error in hybrid compression on image ', num2str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, ': ',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me.message</w:t>
      </w:r>
      <w:proofErr w:type="spellEnd"/>
      <w:proofErr w:type="gramEnd"/>
      <w:r w:rsidRPr="00645C9E">
        <w:rPr>
          <w:rFonts w:ascii="Courier New" w:hAnsi="Courier New" w:cs="Courier New"/>
          <w:sz w:val="20"/>
          <w:szCs w:val="20"/>
        </w:rPr>
        <w:t>]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2FCB5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nan;</w:t>
      </w:r>
      <w:proofErr w:type="gramEnd"/>
    </w:p>
    <w:p w14:paraId="6B9953CC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end</w:t>
      </w:r>
    </w:p>
    <w:p w14:paraId="7430AEF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>end</w:t>
      </w:r>
    </w:p>
    <w:p w14:paraId="0AB555A9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Avg_tim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exec_times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A3E7B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4FFD67F1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45C9E">
        <w:rPr>
          <w:rFonts w:ascii="Courier New" w:hAnsi="Courier New" w:cs="Courier New"/>
          <w:sz w:val="20"/>
          <w:szCs w:val="20"/>
        </w:rPr>
        <w:t>avg_memory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47896A2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'\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nhybrid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compression timing and memory benchmark:\n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BB5A8C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avg_time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8DA60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avg_memory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26DCB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run_hybrid_compression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)</w:t>
      </w:r>
    </w:p>
    <w:p w14:paraId="5DEE3C95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45C9E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[256, 256]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9713BF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DD444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[c1, s1] = wavedec2(</w:t>
      </w:r>
      <w:proofErr w:type="spellStart"/>
      <w:r w:rsidRPr="00645C9E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45C9E">
        <w:rPr>
          <w:rFonts w:ascii="Courier New" w:hAnsi="Courier New" w:cs="Courier New"/>
          <w:sz w:val="20"/>
          <w:szCs w:val="20"/>
        </w:rPr>
        <w:t>, 1, 'db1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9132F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ll1 = appcoef2(c1, s1, 'db1', 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5DA332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[c2, s2] = wavedec2(ll1, 1, 'db1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4A911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ll2 = appcoef2(c2, s2, 'db1', 1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AD676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d = dct2(ll2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65269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d(abs(d) &lt; 20) = 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7186944B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ll2_c = idct2(d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F403D8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2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(ll2)) = ll2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(:);</w:t>
      </w:r>
      <w:proofErr w:type="gramEnd"/>
    </w:p>
    <w:p w14:paraId="76446662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ll1_c = waverec2(c2, s2, 'db1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18B38A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c1(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645C9E">
        <w:rPr>
          <w:rFonts w:ascii="Courier New" w:hAnsi="Courier New" w:cs="Courier New"/>
          <w:sz w:val="20"/>
          <w:szCs w:val="20"/>
        </w:rPr>
        <w:t>(ll1)) = ll1_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c(:);</w:t>
      </w:r>
      <w:proofErr w:type="gramEnd"/>
    </w:p>
    <w:p w14:paraId="03AC8B61" w14:textId="77777777" w:rsidR="00645C9E" w:rsidRP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 xml:space="preserve">    waverec2(c1, s1, 'db1'</w:t>
      </w:r>
      <w:proofErr w:type="gramStart"/>
      <w:r w:rsidRPr="00645C9E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7A7B1E" w14:textId="0D6BBE57" w:rsidR="00645C9E" w:rsidRDefault="00645C9E" w:rsidP="00645C9E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tabs>
          <w:tab w:val="left" w:pos="2228"/>
        </w:tabs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45C9E">
        <w:rPr>
          <w:rFonts w:ascii="Courier New" w:hAnsi="Courier New" w:cs="Courier New"/>
          <w:sz w:val="20"/>
          <w:szCs w:val="20"/>
        </w:rPr>
        <w:t>end</w:t>
      </w:r>
      <w:r>
        <w:rPr>
          <w:rFonts w:ascii="Courier New" w:hAnsi="Courier New" w:cs="Courier New"/>
          <w:sz w:val="20"/>
          <w:szCs w:val="20"/>
        </w:rPr>
        <w:tab/>
      </w:r>
    </w:p>
    <w:p w14:paraId="6D07286C" w14:textId="77777777" w:rsidR="00BB3215" w:rsidRP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046DBA4C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4A938D11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6904165B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45339505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08565BD4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47612F72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3FBF6853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27FB9DF3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4D7A0113" w14:textId="77777777" w:rsidR="00BB3215" w:rsidRPr="00BB3215" w:rsidRDefault="00BB3215" w:rsidP="00BB3215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lastRenderedPageBreak/>
        <w:t>A.1.</w:t>
      </w:r>
      <w:r>
        <w:rPr>
          <w:b/>
          <w:bCs/>
          <w:sz w:val="24"/>
          <w:szCs w:val="24"/>
          <w:lang w:val="en-US"/>
        </w:rPr>
        <w:t xml:space="preserve">4 </w:t>
      </w:r>
      <w:r w:rsidRPr="00BB3215">
        <w:rPr>
          <w:b/>
          <w:bCs/>
          <w:sz w:val="24"/>
          <w:szCs w:val="24"/>
        </w:rPr>
        <w:t>Binary-</w:t>
      </w:r>
      <w:proofErr w:type="spellStart"/>
      <w:proofErr w:type="gramStart"/>
      <w:r w:rsidRPr="00BB3215">
        <w:rPr>
          <w:b/>
          <w:bCs/>
          <w:sz w:val="24"/>
          <w:szCs w:val="24"/>
        </w:rPr>
        <w:t>cLuster</w:t>
      </w:r>
      <w:proofErr w:type="spellEnd"/>
      <w:proofErr w:type="gramEnd"/>
      <w:r w:rsidRPr="00BB3215">
        <w:rPr>
          <w:b/>
          <w:bCs/>
          <w:sz w:val="24"/>
          <w:szCs w:val="24"/>
        </w:rPr>
        <w:t xml:space="preserve"> (BL) Code</w:t>
      </w:r>
    </w:p>
    <w:p w14:paraId="283A5D67" w14:textId="77777777" w:rsidR="00BB3215" w:rsidRPr="0048038D" w:rsidRDefault="00BB3215" w:rsidP="00BB3215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p w14:paraId="6A3BFC3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dir(fullfile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'\\stafffiles.win.canberra.edu.au\homes$\s443807\my documents\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matlab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\10 images\images', '*.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n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')); ...</w:t>
      </w:r>
    </w:p>
    <w:p w14:paraId="1A48703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     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Dir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ullfil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'\\stafffiles.win.canberra.edu.au\homes$\s443807\my documents\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matlab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\10 images\images', '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*.jpg')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68062028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num_imag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min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10, length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4E0C9C7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54DC27D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1CF191C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7A71CF3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r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7B264D1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64;</w:t>
      </w:r>
      <w:proofErr w:type="gramEnd"/>
    </w:p>
    <w:p w14:paraId="076921F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s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6747A3E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ixel_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0.3528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42683CE5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For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:length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</w:p>
    <w:p w14:paraId="33F504D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rea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ullfil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.folder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.name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59C6A7C8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if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size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, 3) == 3</w:t>
      </w:r>
    </w:p>
    <w:p w14:paraId="351F860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rgb2gray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1565F41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end</w:t>
      </w:r>
    </w:p>
    <w:p w14:paraId="0351002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[rows, cols] = size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557E9E3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adrow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*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ceil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rows /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) -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rows;</w:t>
      </w:r>
      <w:proofErr w:type="gramEnd"/>
    </w:p>
    <w:p w14:paraId="7587C47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adcol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*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ceil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cols /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) -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cols;</w:t>
      </w:r>
      <w:proofErr w:type="gramEnd"/>
    </w:p>
    <w:p w14:paraId="748849E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padarray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, [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adrow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adcol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], 'replicate', 'post'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2B8883A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zeros(size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2F2E877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for I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:blocksize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: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size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, 1)</w:t>
      </w:r>
    </w:p>
    <w:p w14:paraId="270EA64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for j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:blocksize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: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size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, 2)</w:t>
      </w:r>
    </w:p>
    <w:p w14:paraId="780D124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    block =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i:i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+blocksize-1,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j:j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+blocksize-1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2882577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encoded_block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arrayfu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@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val)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encod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val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, s), double(block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2B62B39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block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arrayfu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@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val)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decod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val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s)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encoded_block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048FB02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i:i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+blocksize-1,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j:j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+blocksize-1)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block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</w:p>
    <w:p w14:paraId="1764651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end</w:t>
      </w:r>
    </w:p>
    <w:p w14:paraId="0185DB7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end</w:t>
      </w:r>
    </w:p>
    <w:p w14:paraId="07408CF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img_cropp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1:rows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:cols);</w:t>
      </w:r>
      <w:proofErr w:type="gramEnd"/>
    </w:p>
    <w:p w14:paraId="526BBBF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profile = double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img_cropp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(round(end/2),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:)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0A15C8F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max_val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max(profile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00CC1ECD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half_ma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max_val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/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2;</w:t>
      </w:r>
      <w:proofErr w:type="gramEnd"/>
    </w:p>
    <w:p w14:paraId="31C65B3E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left_id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find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profile &gt;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half_ma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, 1, 'first'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21A718EB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right_id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find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profile &gt;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half_ma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, 1, 'last'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2273A19D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_pixel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right_id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-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left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490BC2A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_mm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_pixel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*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ixel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6336CB0E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_mm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4818C688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reconstruction_erro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abs(double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 - double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img_cropp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79851F3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dynamic_threshol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mean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reconstruction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erro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:)) + 2 *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std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reconstruction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erro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030AF8E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ignal_regio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reconstruction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erro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reconstruction_erro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&gt;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dynamic_threshold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56FB04FD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ackground_regio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reconstruction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erro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reconstruction_erro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&lt;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dynamic_threshold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76FB46A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if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sempty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ignal_regio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) ||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sempty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ackground_regio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</w:p>
    <w:p w14:paraId="20D2AFB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0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4DAADB2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uint8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img_cropp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)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2EA6A72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else</w:t>
      </w:r>
    </w:p>
    <w:p w14:paraId="4A66AB2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mu_signal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mean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signal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regio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5FBFDA6B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lastRenderedPageBreak/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mu_backgroun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mean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background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regio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5E2B150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td_signal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std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signal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regio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35D1DB4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td_backgroun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std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background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region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:)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4ED5D55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abs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mu_signal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-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mu_backgroun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) /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td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backgroun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</w:p>
    <w:p w14:paraId="7C6613F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uint8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img_cropped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)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7318CEC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end</w:t>
      </w:r>
    </w:p>
    <w:p w14:paraId="19C0D53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15BFCE9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_value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7A6507C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original_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numel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) *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8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10E8AC2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numel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find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compressed_img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~= 0)) *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8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4921DB17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r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original_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/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ompressed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siz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</w:t>
      </w:r>
    </w:p>
    <w:p w14:paraId="32DEE9A8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r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[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r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r_value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];</w:t>
      </w:r>
      <w:proofErr w:type="gramEnd"/>
    </w:p>
    <w:p w14:paraId="2CB6A5E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'image %d: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: %.2f mm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: %.2f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: %.2f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: %.2f\n', ...</w:t>
      </w:r>
    </w:p>
    <w:p w14:paraId="76066607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_mm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r_value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6E850AB5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>end</w:t>
      </w:r>
    </w:p>
    <w:p w14:paraId="00F8BED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'average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: %.2f mm\n', mean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fwhm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61BCEB2E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'average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: %.2f\n', mean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nr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279737B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'average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: %.2f\n', mean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sim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6F40BA3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'average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r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: %.2f\n', mean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cr_values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213501A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function encoded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encod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z, s)</w:t>
      </w:r>
    </w:p>
    <w:p w14:paraId="098C9778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m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ceil(log2(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z + 2 * s) / (2 * s))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719B947B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k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floor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(1 +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sqrt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1 + 8 * m)) / 2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789C343B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x = m - (k * (k - 1) / 2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</w:p>
    <w:p w14:paraId="1B8CBDE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(2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k - (x -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))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- 1) * 10 + (2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x - 1) - 1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015D6A1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uffix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z - 2 * s * (2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m - 1) - 1) -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;</w:t>
      </w:r>
      <w:proofErr w:type="gramEnd"/>
    </w:p>
    <w:p w14:paraId="77BB7F7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encoded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* 1000 +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uffix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6F150DC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>end</w:t>
      </w:r>
    </w:p>
    <w:p w14:paraId="15BDACA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Function z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decod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encoded, s)</w:t>
      </w:r>
    </w:p>
    <w:p w14:paraId="2895998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floor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encoded / 1000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</w:t>
      </w:r>
    </w:p>
    <w:p w14:paraId="0E2E8FA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uffix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mod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>encoded, 1000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</w:t>
      </w:r>
    </w:p>
    <w:p w14:paraId="2B48DBF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k = floor(log2(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)) +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;</w:t>
      </w:r>
      <w:proofErr w:type="gramEnd"/>
    </w:p>
    <w:p w14:paraId="252A9F3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t = k - 1; % continuous '1's in the binary representation of the prefix</w:t>
      </w:r>
    </w:p>
    <w:p w14:paraId="6F29F13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m = k * (k - 1) / 2 + t +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;</w:t>
      </w:r>
      <w:proofErr w:type="gramEnd"/>
    </w:p>
    <w:p w14:paraId="3716CF3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   z = </w:t>
      </w:r>
      <w:proofErr w:type="spellStart"/>
      <w:r w:rsidRPr="00BB3215">
        <w:rPr>
          <w:rFonts w:ascii="Courier New" w:hAnsi="Courier New" w:cs="Courier New"/>
          <w:sz w:val="20"/>
          <w:szCs w:val="20"/>
          <w:lang w:val="en-US"/>
        </w:rPr>
        <w:t>suffix_value</w:t>
      </w:r>
      <w:proofErr w:type="spell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 + 2 * s * (2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  <w:lang w:val="en-US"/>
        </w:rPr>
        <w:t xml:space="preserve">m - 1) - 1) + </w:t>
      </w:r>
      <w:proofErr w:type="gramStart"/>
      <w:r w:rsidRPr="00BB3215">
        <w:rPr>
          <w:rFonts w:ascii="Courier New" w:hAnsi="Courier New" w:cs="Courier New"/>
          <w:sz w:val="20"/>
          <w:szCs w:val="20"/>
          <w:lang w:val="en-US"/>
        </w:rPr>
        <w:t>1;</w:t>
      </w:r>
      <w:proofErr w:type="gramEnd"/>
    </w:p>
    <w:p w14:paraId="74ECC080" w14:textId="0117AEAC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  <w:lang w:val="en-US"/>
        </w:rPr>
      </w:pPr>
      <w:r w:rsidRPr="00BB3215">
        <w:rPr>
          <w:rFonts w:ascii="Courier New" w:hAnsi="Courier New" w:cs="Courier New"/>
          <w:sz w:val="20"/>
          <w:szCs w:val="20"/>
          <w:lang w:val="en-US"/>
        </w:rPr>
        <w:t>end</w:t>
      </w:r>
    </w:p>
    <w:p w14:paraId="49DEAE29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21CFF6C7" w14:textId="77777777" w:rsidR="00BB3215" w:rsidRPr="00287599" w:rsidRDefault="00BB3215" w:rsidP="00BB3215">
      <w:pPr>
        <w:rPr>
          <w:u w:val="single"/>
          <w:lang w:val="en-US"/>
        </w:rPr>
      </w:pPr>
      <w:bookmarkStart w:id="8" w:name="_Hlk198951661"/>
      <w:r w:rsidRPr="0048038D">
        <w:rPr>
          <w:u w:val="single"/>
        </w:rPr>
        <w:t>Transmission Performance Evaluation</w:t>
      </w:r>
    </w:p>
    <w:bookmarkEnd w:id="8"/>
    <w:p w14:paraId="419F4C9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n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')); ...</w:t>
      </w:r>
    </w:p>
    <w:p w14:paraId="174960B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Dir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]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750F5677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68751035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   </w:t>
      </w:r>
    </w:p>
    <w:p w14:paraId="6DFBC08E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6E16F8B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0250DC3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1C684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D8ED7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5419F8D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64;</w:t>
      </w:r>
      <w:proofErr w:type="gramEnd"/>
    </w:p>
    <w:p w14:paraId="036B51EE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s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4732CF6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034CA31B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19E4C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3) == 3</w:t>
      </w:r>
    </w:p>
    <w:p w14:paraId="32697E75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14251DC8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end</w:t>
      </w:r>
    </w:p>
    <w:p w14:paraId="6EF43BD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A9DF6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rows /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rows;</w:t>
      </w:r>
      <w:proofErr w:type="gramEnd"/>
    </w:p>
    <w:p w14:paraId="51EB98B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cols /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ols;</w:t>
      </w:r>
      <w:proofErr w:type="gramEnd"/>
    </w:p>
    <w:p w14:paraId="564F078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[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], 'replicate', 'post'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E014AB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8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1F85A31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CD6677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for I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: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1)</w:t>
      </w:r>
    </w:p>
    <w:p w14:paraId="36E0D24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: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2)</w:t>
      </w:r>
    </w:p>
    <w:p w14:paraId="69EFA89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i:i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j:j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24591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encoded_block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arrayfun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(@(val)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val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s), double(block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79A655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block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arrayfun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(@(val)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val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, s)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encoded_block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EEFDD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i:i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j:j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+blocksize-1)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block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38C2D3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end</w:t>
      </w:r>
    </w:p>
    <w:p w14:paraId="43AE8AB7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end</w:t>
      </w:r>
    </w:p>
    <w:p w14:paraId="1A0C672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img_cropp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1:rows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:cols);</w:t>
      </w:r>
      <w:proofErr w:type="gramEnd"/>
    </w:p>
    <w:p w14:paraId="68DCE587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compressed_img_cropp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~= 0)) *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7D5E610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size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8BC51F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A101BD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CC926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2519D5C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2B3B5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>end</w:t>
      </w:r>
    </w:p>
    <w:p w14:paraId="7491333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672D3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3D3A5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</w:t>
      </w:r>
    </w:p>
    <w:p w14:paraId="3DF311E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8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31021C6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3907E38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bp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7EB0522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</w:t>
      </w:r>
    </w:p>
    <w:p w14:paraId="4D4DD25B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>end</w:t>
      </w:r>
    </w:p>
    <w:p w14:paraId="3D8BBB8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function encoded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z, s)</w:t>
      </w:r>
    </w:p>
    <w:p w14:paraId="34A54AE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m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log2((z + 2 * s) / (2 * s)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36A61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k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(1 +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sqrt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1 + 8 * m)) / 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8E2F45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x = m - (k * (k - 1) / 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B85A6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(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k - (x - 1)) - 1) * 10 + (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x - 1) - 1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70463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uf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z - 2 * s * (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m - 1) - 1) -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9431D1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encoded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* 1000 +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uffix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EC035D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>end</w:t>
      </w:r>
    </w:p>
    <w:p w14:paraId="1EDECA0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function z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encoded, s)</w:t>
      </w:r>
    </w:p>
    <w:p w14:paraId="63F8721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encoded / 1000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 </w:t>
      </w:r>
    </w:p>
    <w:p w14:paraId="4D3D9B25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uf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mod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encoded, 1000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   </w:t>
      </w:r>
    </w:p>
    <w:p w14:paraId="4F75BC8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k = floor(log2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) +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2CE319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t = k - 1; % continuous '1's in the binary representation of the prefix</w:t>
      </w:r>
    </w:p>
    <w:p w14:paraId="6B51C16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m = k * (k - 1) / 2 + t +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A74776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z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uf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+ 2 * s * (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m - 1) - 1) +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35BAE0B" w14:textId="2114E004" w:rsid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>end</w:t>
      </w:r>
    </w:p>
    <w:p w14:paraId="469AD402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6A230203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68B3C1A0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5CCB3421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5B2B901B" w14:textId="77777777" w:rsidR="00BB3215" w:rsidRDefault="00BB3215" w:rsidP="00BB3215">
      <w:pPr>
        <w:rPr>
          <w:u w:val="single"/>
        </w:rPr>
      </w:pPr>
      <w:bookmarkStart w:id="9" w:name="_Hlk198952557"/>
      <w:r w:rsidRPr="00287599">
        <w:rPr>
          <w:u w:val="single"/>
        </w:rPr>
        <w:lastRenderedPageBreak/>
        <w:t>Timing and Memory Profiling</w:t>
      </w:r>
    </w:p>
    <w:bookmarkEnd w:id="9"/>
    <w:p w14:paraId="7478E8D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clc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D895CDD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w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BC85B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5061B75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n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FC4192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064AC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times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70A5E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BB3215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99DD1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6C4C34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85676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, 3) == 3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; end</w:t>
      </w:r>
    </w:p>
    <w:p w14:paraId="39DC624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try</w:t>
      </w:r>
    </w:p>
    <w:p w14:paraId="56B36721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em_start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3B884A4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7697930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run_blcode_compression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F1A8E7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64E96288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em_stop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6875F995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stop.memusedmatlab</w:t>
      </w:r>
      <w:proofErr w:type="spellEnd"/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start.memusedmatlab</w:t>
      </w:r>
      <w:proofErr w:type="spellEnd"/>
      <w:proofErr w:type="gramEnd"/>
      <w:r w:rsidRPr="00BB3215">
        <w:rPr>
          <w:rFonts w:ascii="Courier New" w:hAnsi="Courier New" w:cs="Courier New"/>
          <w:sz w:val="20"/>
          <w:szCs w:val="20"/>
        </w:rPr>
        <w:t>;</w:t>
      </w:r>
    </w:p>
    <w:p w14:paraId="10F4C4D7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catch</w:t>
      </w:r>
    </w:p>
    <w:p w14:paraId="19301B5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nan;</w:t>
      </w:r>
      <w:proofErr w:type="gramEnd"/>
    </w:p>
    <w:p w14:paraId="6594902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nan;</w:t>
      </w:r>
      <w:proofErr w:type="gramEnd"/>
    </w:p>
    <w:p w14:paraId="0F6BC61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end</w:t>
      </w:r>
    </w:p>
    <w:p w14:paraId="349B65F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>end</w:t>
      </w:r>
    </w:p>
    <w:p w14:paraId="48A3164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'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cod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compression timing and memory benchmark:\n'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9BB848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times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F964FD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 / 1e6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A43F03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run_blcode_compression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</w:t>
      </w:r>
    </w:p>
    <w:p w14:paraId="79122EB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64; s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997913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AA46A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rows /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rows;</w:t>
      </w:r>
      <w:proofErr w:type="gramEnd"/>
    </w:p>
    <w:p w14:paraId="5D64D7B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cols /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ols;</w:t>
      </w:r>
      <w:proofErr w:type="gramEnd"/>
    </w:p>
    <w:p w14:paraId="00B58FE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BB3215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[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], 'replicate', 'post'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5D8E3E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26C2C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for I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:size(imgpadded,1)</w:t>
      </w:r>
    </w:p>
    <w:p w14:paraId="5A0A506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:size(imgpadded,2)</w:t>
      </w:r>
    </w:p>
    <w:p w14:paraId="58BCA8D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double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i:i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j:j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+blocksize-1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A6E76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encoded_block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arrayfun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(@(val)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val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, s), block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0807F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decoded_block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arrayfun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(@(val)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BB3215">
        <w:rPr>
          <w:rFonts w:ascii="Courier New" w:hAnsi="Courier New" w:cs="Courier New"/>
          <w:sz w:val="20"/>
          <w:szCs w:val="20"/>
        </w:rPr>
        <w:t>val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, s),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encoded_block</w:t>
      </w:r>
      <w:proofErr w:type="spellEnd"/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26C61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i:i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j:j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+blocksize-1)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decoded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block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389D94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    end</w:t>
      </w:r>
    </w:p>
    <w:p w14:paraId="3A62A90E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end</w:t>
      </w:r>
    </w:p>
    <w:p w14:paraId="75FC5380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1:rows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:cols);</w:t>
      </w:r>
      <w:proofErr w:type="gramEnd"/>
    </w:p>
    <w:p w14:paraId="6C1C5866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>end</w:t>
      </w:r>
    </w:p>
    <w:p w14:paraId="1678277C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Function encoded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z, s)</w:t>
      </w:r>
    </w:p>
    <w:p w14:paraId="1A8F7F37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m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log2((z + 2 * s) / (2 * s))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10192E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k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(1 +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sqrt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1 + 8 * m)) / 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A2B608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x = m - (k * (k - 1) / 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2E0CD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(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k - (x - 1)) - 1) * 10 + (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x - 1) - 1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AFC6A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uf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z - 2 * s * (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m - 1) - 1) -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6651589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encoded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* 1000 +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uffix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EF8284D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>end</w:t>
      </w:r>
    </w:p>
    <w:p w14:paraId="312ECB72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Function z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bl_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>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encoded, s)</w:t>
      </w:r>
    </w:p>
    <w:p w14:paraId="6B3F941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encoded / 1000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21926D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uf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mod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>encoded, 1000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FAFF24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k = floor(log2(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pre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)) +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B1AF3F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t = k -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40E926A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lastRenderedPageBreak/>
        <w:t xml:space="preserve">    m = k * (k - 1) / 2 + t +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E13C91F" w14:textId="77777777" w:rsidR="00BB3215" w:rsidRP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 xml:space="preserve">    z = </w:t>
      </w:r>
      <w:proofErr w:type="spellStart"/>
      <w:r w:rsidRPr="00BB3215">
        <w:rPr>
          <w:rFonts w:ascii="Courier New" w:hAnsi="Courier New" w:cs="Courier New"/>
          <w:sz w:val="20"/>
          <w:szCs w:val="20"/>
        </w:rPr>
        <w:t>suffix_value</w:t>
      </w:r>
      <w:proofErr w:type="spellEnd"/>
      <w:r w:rsidRPr="00BB3215">
        <w:rPr>
          <w:rFonts w:ascii="Courier New" w:hAnsi="Courier New" w:cs="Courier New"/>
          <w:sz w:val="20"/>
          <w:szCs w:val="20"/>
        </w:rPr>
        <w:t xml:space="preserve"> + 2 * s * (2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^(</w:t>
      </w:r>
      <w:proofErr w:type="gramEnd"/>
      <w:r w:rsidRPr="00BB3215">
        <w:rPr>
          <w:rFonts w:ascii="Courier New" w:hAnsi="Courier New" w:cs="Courier New"/>
          <w:sz w:val="20"/>
          <w:szCs w:val="20"/>
        </w:rPr>
        <w:t xml:space="preserve">m - 1) - 1) + </w:t>
      </w:r>
      <w:proofErr w:type="gramStart"/>
      <w:r w:rsidRPr="00BB321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263D692" w14:textId="48177138" w:rsidR="00BB3215" w:rsidRDefault="00BB3215" w:rsidP="00BB321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BB3215">
        <w:rPr>
          <w:rFonts w:ascii="Courier New" w:hAnsi="Courier New" w:cs="Courier New"/>
          <w:sz w:val="20"/>
          <w:szCs w:val="20"/>
        </w:rPr>
        <w:t>end</w:t>
      </w:r>
    </w:p>
    <w:p w14:paraId="420E45AE" w14:textId="77777777" w:rsidR="00BB3215" w:rsidRDefault="00BB3215" w:rsidP="00BB3215">
      <w:pPr>
        <w:rPr>
          <w:rFonts w:ascii="Courier New" w:hAnsi="Courier New" w:cs="Courier New"/>
          <w:sz w:val="20"/>
          <w:szCs w:val="20"/>
        </w:rPr>
      </w:pPr>
    </w:p>
    <w:p w14:paraId="4C36D6BD" w14:textId="0EE70A5B" w:rsidR="00BB3215" w:rsidRPr="00BB3215" w:rsidRDefault="00BB3215" w:rsidP="00BB3215">
      <w:pPr>
        <w:rPr>
          <w:b/>
          <w:bCs/>
          <w:sz w:val="24"/>
          <w:szCs w:val="24"/>
        </w:rPr>
      </w:pPr>
      <w:bookmarkStart w:id="10" w:name="_Hlk198952639"/>
      <w:r w:rsidRPr="00287599">
        <w:rPr>
          <w:b/>
          <w:bCs/>
          <w:sz w:val="24"/>
          <w:szCs w:val="24"/>
          <w:lang w:val="en-US"/>
        </w:rPr>
        <w:t>A.1.</w:t>
      </w:r>
      <w:r>
        <w:rPr>
          <w:b/>
          <w:bCs/>
          <w:sz w:val="24"/>
          <w:szCs w:val="24"/>
          <w:lang w:val="en-US"/>
        </w:rPr>
        <w:t xml:space="preserve">5 </w:t>
      </w:r>
      <w:r w:rsidRPr="00BB3215">
        <w:rPr>
          <w:b/>
          <w:bCs/>
          <w:sz w:val="24"/>
          <w:szCs w:val="24"/>
        </w:rPr>
        <w:t>Walsh Matrix Transformation</w:t>
      </w:r>
    </w:p>
    <w:p w14:paraId="6ED8ECD2" w14:textId="77777777" w:rsidR="00BB3215" w:rsidRPr="0048038D" w:rsidRDefault="00BB3215" w:rsidP="00BB3215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bookmarkEnd w:id="10"/>
    <w:p w14:paraId="47188BC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')); ...</w:t>
      </w:r>
    </w:p>
    <w:p w14:paraId="13B74E6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ir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7A46FC2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1043B23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017D5C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D71BE5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F9FD12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128361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0.3528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7EAEDCA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m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24;</w:t>
      </w:r>
      <w:proofErr w:type="gramEnd"/>
    </w:p>
    <w:p w14:paraId="1554C30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32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6FCA8B0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4844812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1CA27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3) == 3</w:t>
      </w:r>
    </w:p>
    <w:p w14:paraId="7090B5F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7AA2D58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53E6401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354DB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ext_pow2_rows = 2^nextpow2(row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6EF2D7B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ext_pow2_cols = 2^nextpow2(col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7549915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add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[next_pow2_rows - rows, next_pow2_cols - cols], 'post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58BF8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added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41B91FB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quantiz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2:end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7602C91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quantiz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63E9126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7F73E94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1CC976A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row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co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] = siz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D8C18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row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~= rows ||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co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~= cols</w:t>
      </w:r>
    </w:p>
    <w:p w14:paraId="5186078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[rows, cols]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1DDAAC3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690D975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:)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4973CAE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3B179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4805E83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AB059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012EE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eft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2170C8E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7ED82B3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5FEF35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60CAFF8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66BA394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11346B6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230A207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568D713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0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0B3C427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21CE84A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lse</w:t>
      </w:r>
    </w:p>
    <w:p w14:paraId="0AC3E81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18AA8F2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6242566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td_sign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25F9B71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77F0AE2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7555FE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4E515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4492E6D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2AFCD4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D64107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8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42D7702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~= 0))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8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5DF57AD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2D76E75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596E9C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image %d: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: %.2f mm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: %.2f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: %.2f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: %.2f\n', ...</w:t>
      </w:r>
    </w:p>
    <w:p w14:paraId="4992341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E5C2F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7175E27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: %.2f mm\n', mean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7E9DF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: %.2f\n', mean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7DF9C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: %.2f\n', mean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E4D96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average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: %.2f\n', mean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74490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data)</w:t>
      </w:r>
    </w:p>
    <w:p w14:paraId="7F21CBB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90D3D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ows, 2) ~= 0 ||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cols, 2) ~= 0</w:t>
      </w:r>
    </w:p>
    <w:p w14:paraId="251CC1E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both rows and columns of the image must be powers of 2.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47244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53480A4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I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0DBEB55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:) = 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683E730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3ED00A3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4E24DA0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 = 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CD875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45CE59B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1855A3F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288021A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function output = walsh1d(input)</w:t>
      </w:r>
    </w:p>
    <w:p w14:paraId="5699001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 = length(input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A4E05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n == 1</w:t>
      </w:r>
    </w:p>
    <w:p w14:paraId="3E4085F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output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4C5F117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762DF4C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5C15058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1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2D8220E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2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7435FAD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output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55E5D72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6D7C28D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nverse_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data)</w:t>
      </w:r>
    </w:p>
    <w:p w14:paraId="4F38B8D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181B6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ows, 2) ~= 0 ||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cols, 2) ~= 0</w:t>
      </w:r>
    </w:p>
    <w:p w14:paraId="0DDFE53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both rows and columns of the image must be powers of 2.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69E5B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369EA32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I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7EE5EAC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:) = inv_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556DC04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6E76E6F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62879D3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 = inv_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A85C1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60E2C9C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nverse_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7762EFA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299144F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function output = inv_walsh1d(input)</w:t>
      </w:r>
    </w:p>
    <w:p w14:paraId="450EB8E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 = length(input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D755B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n == 1</w:t>
      </w:r>
    </w:p>
    <w:p w14:paraId="400066B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output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6A71190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0FDAE5C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5BAD1BB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inv_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1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1B0E20D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inv_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2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080DAEC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output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0FF681E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7EE32A1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data, m)</w:t>
      </w:r>
    </w:p>
    <w:p w14:paraId="6BD217F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5EDF1F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I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(data)</w:t>
      </w:r>
    </w:p>
    <w:p w14:paraId="4469449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symbol = data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79FC7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quotient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symbol /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D6913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remainder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symbol,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8D786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quotient_co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dec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quotient, log2(m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5081E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emainder_co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dec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emainder, log2(m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93374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quotient_co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emainder_cod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4BC94E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11A85FC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036ECED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en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m)</w:t>
      </w:r>
    </w:p>
    <w:p w14:paraId="4D02433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AD9231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ata_length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length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ncoded_data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2322B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9F76A6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while I &lt;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ata_length</w:t>
      </w:r>
      <w:proofErr w:type="spellEnd"/>
    </w:p>
    <w:p w14:paraId="73B8989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quotient = bin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encod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:i</w:t>
      </w:r>
      <w:proofErr w:type="spellEnd"/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+ log2(m) - 1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C225F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remainder = bin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encod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I + log2(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: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+ 2*log2(m) - 1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37DB4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symbol = quotient * m +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mainder;</w:t>
      </w:r>
      <w:proofErr w:type="gramEnd"/>
    </w:p>
    <w:p w14:paraId="23E455D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symbol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9BDD62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I = I + 2 * log2(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CE313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70656964" w14:textId="4B4420DE" w:rsidR="00792B7B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02D46670" w14:textId="77777777" w:rsidR="003E0AE4" w:rsidRDefault="003E0AE4" w:rsidP="00792B7B">
      <w:pPr>
        <w:rPr>
          <w:u w:val="single"/>
        </w:rPr>
      </w:pPr>
    </w:p>
    <w:p w14:paraId="2E4FAE7D" w14:textId="648CA64B" w:rsidR="00792B7B" w:rsidRPr="00287599" w:rsidRDefault="00792B7B" w:rsidP="00792B7B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47BBE3C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')); ...</w:t>
      </w:r>
    </w:p>
    <w:p w14:paraId="0E1D109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ir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0C127AE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3C00AD2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  </w:t>
      </w:r>
    </w:p>
    <w:p w14:paraId="0100945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0E47337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5C8DDA4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FBEC2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9ED32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m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24;</w:t>
      </w:r>
      <w:proofErr w:type="gramEnd"/>
    </w:p>
    <w:p w14:paraId="7F167FB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D2E6A7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B65EA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3) == 3</w:t>
      </w:r>
    </w:p>
    <w:p w14:paraId="275ABC5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5EF8E10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0CDD879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9A7484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ext_pow2_rows = 2^nextpow2(row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8BB96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ext_pow2_cols = 2^nextpow2(col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53C14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add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[next_pow2_rows - rows, next_pow2_cols - cols], 'post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2B01D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added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F1387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quantiz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2:end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1D0F238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quantiz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D2465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~= 0))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8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65E1B94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lastRenderedPageBreak/>
        <w:t xml:space="preserve">    transmission_times_3g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8CF0F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0430D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D228B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706C9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row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co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] = siz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039A1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row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~= rows ||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co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~= cols</w:t>
      </w:r>
    </w:p>
    <w:p w14:paraId="1E3BB3D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[rows, cols]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736ECAC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7C66B47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image %d: transfer time (3g) = %.2f s, transfer time (4g) = %.2f s\n', ...</w:t>
      </w:r>
    </w:p>
    <w:p w14:paraId="0B26610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63E4C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454CDE2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average transfer time (3g): %.2f s\n', mean(transmission_times_3g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F3E7B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average transfer time (4g): %.2f s\n', mean(transmission_times_4g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0D5E5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ransfer_tim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bandwidth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53E97AB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8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3F16688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59B58C1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andwidth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24CB2D6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ransfer_tim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2199E8B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2880961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data)</w:t>
      </w:r>
    </w:p>
    <w:p w14:paraId="680A7DE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8D757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I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4EE1237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:) = 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2E19503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1C27F1C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4372386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 = 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EB9A1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5C83652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;</w:t>
      </w:r>
      <w:proofErr w:type="gramEnd"/>
    </w:p>
    <w:p w14:paraId="37CC929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3E20634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function output = walsh1d(input)</w:t>
      </w:r>
    </w:p>
    <w:p w14:paraId="7B8D6C0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 = length(input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75AB6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n == 1</w:t>
      </w:r>
    </w:p>
    <w:p w14:paraId="6C3D28B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output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014FEB6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72063F5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74B972B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1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72574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2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8C252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Output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57B010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6AE2F63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nverse_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data)</w:t>
      </w:r>
    </w:p>
    <w:p w14:paraId="200C347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463BD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I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147147F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:) = inv_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58E2D1C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1096B39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0074316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 = inv_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96E5F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2C0160D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nverse_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;</w:t>
      </w:r>
      <w:proofErr w:type="gramEnd"/>
    </w:p>
    <w:p w14:paraId="4BED063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5F14019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function output = inv_walsh1d(input)</w:t>
      </w:r>
    </w:p>
    <w:p w14:paraId="1D8E20C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 = length(input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8B3B3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n == 1</w:t>
      </w:r>
    </w:p>
    <w:p w14:paraId="286C9D0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output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69D0F7C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10BE45C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6E882E9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inv_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1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6F8F3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inv_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2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D6650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Output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06EED05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12BAF9F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data, m)</w:t>
      </w:r>
    </w:p>
    <w:p w14:paraId="2A151FB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76EDA9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I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(data)</w:t>
      </w:r>
    </w:p>
    <w:p w14:paraId="42C5B42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symbol = data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9CB3A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quotient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symbol /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A3E63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remainder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symbol,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C3340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Quotient_co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dec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quotient, log2(m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AEDF6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emainder_co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dec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emainder, log2(m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BD78D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quotient_co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emainder_cod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ED1A4D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4BAE036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6DC4857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en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m)</w:t>
      </w:r>
    </w:p>
    <w:p w14:paraId="27410F4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5F40A1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ata_length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length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ncoded_data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349C8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366B8E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while I &lt;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ata_length</w:t>
      </w:r>
      <w:proofErr w:type="spellEnd"/>
    </w:p>
    <w:p w14:paraId="56D003C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quotient = bin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encod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:i</w:t>
      </w:r>
      <w:proofErr w:type="spellEnd"/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+ log2(m) - 1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2DDA4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remainder = bin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encod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I + log2(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: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+ 2*log2(m) - 1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1BF91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Symbol = quotient * m +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mainder;</w:t>
      </w:r>
      <w:proofErr w:type="gramEnd"/>
    </w:p>
    <w:p w14:paraId="0B2EACC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symbol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8A769E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I = I + 2 * log2(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97407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1671FEFB" w14:textId="6A915592" w:rsidR="00792B7B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2FF07827" w14:textId="77777777" w:rsidR="003E0AE4" w:rsidRDefault="003E0AE4" w:rsidP="003E0AE4">
      <w:pPr>
        <w:rPr>
          <w:rFonts w:ascii="Courier New" w:hAnsi="Courier New" w:cs="Courier New"/>
          <w:sz w:val="20"/>
          <w:szCs w:val="20"/>
        </w:rPr>
      </w:pPr>
    </w:p>
    <w:p w14:paraId="1B7DB99C" w14:textId="77777777" w:rsidR="003E0AE4" w:rsidRDefault="003E0AE4" w:rsidP="003E0AE4">
      <w:pPr>
        <w:rPr>
          <w:u w:val="single"/>
        </w:rPr>
      </w:pPr>
      <w:bookmarkStart w:id="11" w:name="_Hlk198952866"/>
      <w:r w:rsidRPr="00287599">
        <w:rPr>
          <w:u w:val="single"/>
        </w:rPr>
        <w:t>Timing and Memory Profiling</w:t>
      </w:r>
    </w:p>
    <w:bookmarkEnd w:id="11"/>
    <w:p w14:paraId="20D9E9F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clc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2F2736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w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418D1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0FCD481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153C42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9889D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times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ED0B7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7BDDD8E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D7F03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3) == 3</w:t>
      </w:r>
    </w:p>
    <w:p w14:paraId="5F281C9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DEA5A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1886B43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try</w:t>
      </w:r>
    </w:p>
    <w:p w14:paraId="02BD729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38E0AF1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walshmatrix_compress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A9E8B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7751796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catch</w:t>
      </w:r>
    </w:p>
    <w:p w14:paraId="0BABB58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5606DD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6F628A7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32682F9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61F6544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WalshMatri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Compression Timing and Memory Benchmark:\n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0CDA6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times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235F6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/ 1e6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0F14C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walshmatrix_compress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379C2E5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ABBF7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ext_pow2_rows = 2^nextpow2(row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DD009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ext_pow2_cols = 2^nextpow2(col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6D4C7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add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[next_pow2_rows - rows, next_pow2_cols - cols], 'post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1C663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M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24;</w:t>
      </w:r>
      <w:proofErr w:type="gramEnd"/>
    </w:p>
    <w:p w14:paraId="698A7AA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added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8FA8A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quantiz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224564D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quantiz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3B182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195E8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4D1DF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1) ~= rows ||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2) ~= cols</w:t>
      </w:r>
    </w:p>
    <w:p w14:paraId="5E8459C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[rows, cols]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755CE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2F7A889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0AD73EA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data)</w:t>
      </w:r>
    </w:p>
    <w:p w14:paraId="7E8A99A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357C7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6CF521D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:) = 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132141C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7DE53A2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5DF488E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 = 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34589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3837507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;</w:t>
      </w:r>
      <w:proofErr w:type="gramEnd"/>
    </w:p>
    <w:p w14:paraId="3D16437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1A25FC9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function output = walsh1d(input)</w:t>
      </w:r>
    </w:p>
    <w:p w14:paraId="3E585C6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 = length(input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DE186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N == 1</w:t>
      </w:r>
    </w:p>
    <w:p w14:paraId="095A6B8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output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6CDCD50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6EE5D22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01BBDCD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1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13E04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2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8FB1C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output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BA4E42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1FD2A95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nverse_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fw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data)</w:t>
      </w:r>
    </w:p>
    <w:p w14:paraId="6FB6D59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2C755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489E7E1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:) = inv_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data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03574ED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47790AF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09A7672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 = inv_walsh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data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(:,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j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2DE5F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59DC0C8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nverse_transform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;</w:t>
      </w:r>
      <w:proofErr w:type="gramEnd"/>
    </w:p>
    <w:p w14:paraId="69DA2C3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71DE9C7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function output = inv_walsh1d(input)</w:t>
      </w:r>
    </w:p>
    <w:p w14:paraId="04251EF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N = length(input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223B0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N == 1</w:t>
      </w:r>
    </w:p>
    <w:p w14:paraId="7F3E7B9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output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1B173A3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652180B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515498F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inv_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1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7C3DE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inv_walsh1d(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put(2:2:end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6087E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output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ven_p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dd_part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44AD52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25E10FF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data, M)</w:t>
      </w:r>
    </w:p>
    <w:p w14:paraId="462E50C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79DE625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(data)</w:t>
      </w:r>
    </w:p>
    <w:p w14:paraId="636ED72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symbol = data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41CF1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quotient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symbol /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B15A0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remainder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symbol, 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D68CE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qco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dec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quotient, log2(M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E7C6F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co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dec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emainder, log2(M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C8DE2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qco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cod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EFF51A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43EBC18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466CB77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olomb_ric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ompre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en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M)</w:t>
      </w:r>
    </w:p>
    <w:p w14:paraId="53C7B62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FA5145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B0B5E8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L = length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ncoded_data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36F92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while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lt;= L</w:t>
      </w:r>
    </w:p>
    <w:p w14:paraId="0E00199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q = bin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encod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: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log2(M) - 1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E19A7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r = bin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c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encod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log2(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 :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2*log2(M) - 1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EF389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ecoded_data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q * M + r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D5BF57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+ 2 * log2(M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E5B26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66E4575C" w14:textId="35FAB65F" w:rsid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089B8462" w14:textId="77777777" w:rsidR="003E0AE4" w:rsidRDefault="003E0AE4" w:rsidP="003E0AE4">
      <w:pPr>
        <w:rPr>
          <w:rFonts w:ascii="Courier New" w:hAnsi="Courier New" w:cs="Courier New"/>
          <w:sz w:val="20"/>
          <w:szCs w:val="20"/>
        </w:rPr>
      </w:pPr>
    </w:p>
    <w:p w14:paraId="68E4D7F1" w14:textId="267D0D6B" w:rsidR="003E0AE4" w:rsidRPr="00BB3215" w:rsidRDefault="003E0AE4" w:rsidP="003E0AE4">
      <w:pPr>
        <w:rPr>
          <w:b/>
          <w:bCs/>
          <w:sz w:val="24"/>
          <w:szCs w:val="24"/>
        </w:rPr>
      </w:pPr>
      <w:bookmarkStart w:id="12" w:name="_Hlk198953527"/>
      <w:r w:rsidRPr="00287599">
        <w:rPr>
          <w:b/>
          <w:bCs/>
          <w:sz w:val="24"/>
          <w:szCs w:val="24"/>
          <w:lang w:val="en-US"/>
        </w:rPr>
        <w:t>A.1.</w:t>
      </w:r>
      <w:r>
        <w:rPr>
          <w:b/>
          <w:bCs/>
          <w:sz w:val="24"/>
          <w:szCs w:val="24"/>
          <w:lang w:val="en-US"/>
        </w:rPr>
        <w:t xml:space="preserve">6 </w:t>
      </w:r>
      <w:r w:rsidRPr="003E0AE4">
        <w:rPr>
          <w:b/>
          <w:bCs/>
          <w:sz w:val="24"/>
          <w:szCs w:val="24"/>
        </w:rPr>
        <w:t>Adjusted Quick Shift Phase Preserving Dynamic Range Compression (AQS-APPDRC)</w:t>
      </w:r>
    </w:p>
    <w:p w14:paraId="2E3D2A71" w14:textId="77777777" w:rsidR="003E0AE4" w:rsidRPr="0048038D" w:rsidRDefault="003E0AE4" w:rsidP="003E0AE4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bookmarkEnd w:id="12"/>
    <w:p w14:paraId="0D98D25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')); ...</w:t>
      </w:r>
    </w:p>
    <w:p w14:paraId="3ACB406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273A57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499F701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49CF6F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4BBCAF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366EA2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E32CF3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0.3528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1E45198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      </w:t>
      </w:r>
    </w:p>
    <w:p w14:paraId="5BF1E72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color_ratio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0.8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     </w:t>
      </w:r>
    </w:p>
    <w:p w14:paraId="6A3D8E1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max_distanc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5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      </w:t>
      </w:r>
    </w:p>
    <w:p w14:paraId="5681212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32E0FD3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5E844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3) == 3</w:t>
      </w:r>
    </w:p>
    <w:p w14:paraId="5105E0E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6991C57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18519EB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_imag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4240E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djusted_quick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hif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or_ratio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distanc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BF90E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egmente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inary_thresholdin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273C0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1A37667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61948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6C8AED1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B61EC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C6FA7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eft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583F9C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312310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BEF4B9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preprocess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preprocess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6345B6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A2DC4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E863A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114501A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1F5D057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lse</w:t>
      </w:r>
    </w:p>
    <w:p w14:paraId="4EA756A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4B36BB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238A77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27D8BD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569E06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69D3164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20A957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, uint8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157AE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218ED5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8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61564BB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gt; 0))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46A3AA4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FC78CB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56DB05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Image %d: FWHM: %.2f mm, CNR: %.2f, SSIM: %.2f, CR: %.2f\n'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135A2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5D76E5A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5452A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F4234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FABE6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682ED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_imag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13D9E6D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utoff_freq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220;</w:t>
      </w:r>
      <w:proofErr w:type="gramEnd"/>
    </w:p>
    <w:p w14:paraId="2978AB4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igh_pa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/10000;</w:t>
      </w:r>
      <w:proofErr w:type="gramEnd"/>
    </w:p>
    <w:p w14:paraId="15509ED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drc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ly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ppdrc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utoff_freq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igh_pas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EA46D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_filt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drc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AD854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9DF758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5CAB6E8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drc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ly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ppdrc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utoff_freq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igh_pa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37BB8E9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amplitude, phase]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xtract_phase_amplitu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59885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amp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log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amplitude + 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CFB9B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drc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mp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* sin(phase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1441A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52266E0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_filt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27586A7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adapthisteq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filt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speci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gaussian', 5, 2)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F8781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2823308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djusted_quick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hif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or_ratio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distanc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690919F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35BC5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867A5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density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1052A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labels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4035A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patial_kern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speci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gaussian', [2*kernel_size+1, 2*kernel_size+1]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3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56FEB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367785E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for c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2258F71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ow_st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, r-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0AFC3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ow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ows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+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7B07A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st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, c-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E054B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cols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+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1E2D2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row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art:row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art:col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_end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B5CCC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spatial_kern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patial_kern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1:(row_end-row_start+1), 1:(col_end-col_start+1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7E22A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tensity_weigh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exp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-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local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, c)) /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distanc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03F5C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nsity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, c)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um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local_spatia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kern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 .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tensity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weigh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AF9757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end</w:t>
      </w:r>
    </w:p>
    <w:p w14:paraId="1F1D293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3CC2A63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126EEB7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for c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444BEE2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label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, c) = sub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[rows, cols], r, c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FC114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ow_st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, r-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30AD9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ow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ows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+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801B9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lastRenderedPageBreak/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st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, c-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AEA65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cols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+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309D4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densi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nsity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row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art:row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art:col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_end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0E1A2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dic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fin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local_densi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nsity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, c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0D81C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if ~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dic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7F38EA6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  [~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] = max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densi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dic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84C73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 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c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] = ind2sub(siz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densi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dic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DC189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label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, c) = sub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[rows, cols], row_start+max_r-1, col_start+max_c-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A86A3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2EFFA88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end</w:t>
      </w:r>
    </w:p>
    <w:p w14:paraId="20F0459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3CAB6F5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labels;</w:t>
      </w:r>
      <w:proofErr w:type="gramEnd"/>
    </w:p>
    <w:p w14:paraId="17DAB47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3C49457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egmente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inary_thresholdin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61FACE1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abel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bwlab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gt; 0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C0CC0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egion_prop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regionprop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label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'Area', '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ixelIdxLis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'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5FFE9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~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argest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] = max(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egion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props.Area</w:t>
      </w:r>
      <w:proofErr w:type="spellEnd"/>
      <w:proofErr w:type="gramEnd"/>
      <w:r w:rsidRPr="003E0AE4">
        <w:rPr>
          <w:rFonts w:ascii="Courier New" w:hAnsi="Courier New" w:cs="Courier New"/>
          <w:sz w:val="20"/>
          <w:szCs w:val="20"/>
        </w:rPr>
        <w:t>]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B5A1D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egmente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ismemb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label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argest_idx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0FAD6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387BDD2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[amplitude, phase]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xtract_phase_amplitu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02E0C6E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ft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fft2(doub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3ACD8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amplitude = abs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ft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EA9BF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phase = ang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ft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FDEC84" w14:textId="696D415C" w:rsid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1BFC3BA2" w14:textId="77777777" w:rsidR="003E0AE4" w:rsidRDefault="003E0AE4" w:rsidP="003E0AE4">
      <w:pPr>
        <w:rPr>
          <w:rFonts w:ascii="Courier New" w:hAnsi="Courier New" w:cs="Courier New"/>
          <w:sz w:val="20"/>
          <w:szCs w:val="20"/>
        </w:rPr>
      </w:pPr>
    </w:p>
    <w:p w14:paraId="33BF6C89" w14:textId="77777777" w:rsidR="003E0AE4" w:rsidRPr="00287599" w:rsidRDefault="003E0AE4" w:rsidP="003E0AE4">
      <w:pPr>
        <w:rPr>
          <w:u w:val="single"/>
          <w:lang w:val="en-US"/>
        </w:rPr>
      </w:pPr>
      <w:bookmarkStart w:id="13" w:name="_Hlk198953622"/>
      <w:r w:rsidRPr="0048038D">
        <w:rPr>
          <w:u w:val="single"/>
        </w:rPr>
        <w:t>Transmission Performance Evaluation</w:t>
      </w:r>
    </w:p>
    <w:bookmarkEnd w:id="13"/>
    <w:p w14:paraId="3E4D993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')); ...</w:t>
      </w:r>
    </w:p>
    <w:p w14:paraId="41FC0C5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D72C11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65AA5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  </w:t>
      </w:r>
    </w:p>
    <w:p w14:paraId="75451E3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77A5879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2450654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4A4D8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8C193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5B12F0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65C84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3) == 3</w:t>
      </w:r>
    </w:p>
    <w:p w14:paraId="60C22AF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13F7C67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238475B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_imag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A44B0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djusted_quick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hif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10, 0.8, 5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DE9D0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egmente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inary_thresholdin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3A5DA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E0AE4">
        <w:rPr>
          <w:rFonts w:ascii="Courier New" w:hAnsi="Courier New" w:cs="Courier New"/>
          <w:sz w:val="20"/>
          <w:szCs w:val="20"/>
        </w:rPr>
        <w:t>unique_valu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uniqu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egmented_region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276FD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segmente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gt; 0))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5CF9558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53FE0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4448E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27AD85E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F6F3C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0AF281E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lastRenderedPageBreak/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6ED47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D88BC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_imag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607728E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utoff_freq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220;</w:t>
      </w:r>
      <w:proofErr w:type="gramEnd"/>
    </w:p>
    <w:p w14:paraId="56684CF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igh_pa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/10000;</w:t>
      </w:r>
      <w:proofErr w:type="gramEnd"/>
    </w:p>
    <w:p w14:paraId="7A5DFBB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drc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ly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ppdrc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utoff_freq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igh_pas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8EA71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_filt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drc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AC46A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preprocess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D1FBB8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356A1DB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drc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ly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ppdrc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utoff_freq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high_pas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43037A2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amplitude, phase]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xtract_phase_amplitu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72279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amp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log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amplitude + 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65F4F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ppdrc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mp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* sin(phase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73A69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42CA8FE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_filt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6FFF4870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rosted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adapthisteq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filt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speci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'gaussian', 5, 2)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8AE16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7DF5274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adjusted_quick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hif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or_ratio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distanc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40F0648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4D363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264F3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density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B9223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labels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630EF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patial_kern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fspecia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'gaussian', [2*kernel_size+1, 2*kernel_size+1]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3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4127C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489F597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for c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24387E0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ow_st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, r-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48A5A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ow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ows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+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086F0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st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, c-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976A0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cols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+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CC7C1F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row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art:row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art:col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_end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C26D6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spatial_kern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patial_kern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1:(row_end-row_start+1), 1:(col_end-col_start+1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ECE95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tensity_weigh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exp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-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local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, c)) /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distanc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C0299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nsity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, c)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um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local_spatia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kernel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 .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tensity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weigh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30832D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end</w:t>
      </w:r>
    </w:p>
    <w:p w14:paraId="6C922EC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3F1A552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704097B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for c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7908772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label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, c) = sub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[rows, cols], r, c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D01E2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ow_st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, r-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21E2A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ow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rows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r+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005597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start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1, c-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E05B8B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cols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+kernel_size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24CD9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densi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nsity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row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art:row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_end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ol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start:col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_end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F021D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dic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find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local_densi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density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, c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4F75A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if ~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dic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1F621A4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  [~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] = max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densi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dic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970AF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  [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c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] = ind2sub(siz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density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local_indice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max_idx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8D1C5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labels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r, c) = sub2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ind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[rows, cols], row_start+max_r-1, col_start+max_c-1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84472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7AAD3C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end</w:t>
      </w:r>
    </w:p>
    <w:p w14:paraId="1F8B31A4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39FC2AD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labels;</w:t>
      </w:r>
      <w:proofErr w:type="gramEnd"/>
    </w:p>
    <w:p w14:paraId="1A04077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lastRenderedPageBreak/>
        <w:t>end</w:t>
      </w:r>
    </w:p>
    <w:p w14:paraId="279E60A1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egmente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inary_thresholdin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01EDCD8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threshold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graythresh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 </w:t>
      </w:r>
    </w:p>
    <w:p w14:paraId="1AF2104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egmente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E0AE4">
        <w:rPr>
          <w:rFonts w:ascii="Courier New" w:hAnsi="Courier New" w:cs="Courier New"/>
          <w:sz w:val="20"/>
          <w:szCs w:val="20"/>
        </w:rPr>
        <w:t>imbinar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, threshold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68418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all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segmented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>:) == 1)</w:t>
      </w:r>
    </w:p>
    <w:p w14:paraId="61A6A392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egmented_region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3E0AE4">
        <w:rPr>
          <w:rFonts w:ascii="Courier New" w:hAnsi="Courier New" w:cs="Courier New"/>
          <w:sz w:val="20"/>
          <w:szCs w:val="20"/>
        </w:rPr>
        <w:t xml:space="preserve"> </w:t>
      </w:r>
    </w:p>
    <w:p w14:paraId="50DDF57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end</w:t>
      </w:r>
    </w:p>
    <w:p w14:paraId="6E1F1033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38BD6E49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[amplitude, phase]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extract_phase_amplitud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563CC6CD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ft_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fft2(doub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A38FF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amplitude = abs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ft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D713B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phase = angle(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fft_img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1BCEE8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0CDD976A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)</w:t>
      </w:r>
    </w:p>
    <w:p w14:paraId="2C067E2C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10232E76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3E0AE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3E0AE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BA1B7E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bp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EBD7435" w14:textId="77777777" w:rsidR="003E0AE4" w:rsidRP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3E0AE4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3E0AE4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3E0AE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B31E232" w14:textId="7520015F" w:rsidR="003E0AE4" w:rsidRDefault="003E0AE4" w:rsidP="003E0AE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E0AE4">
        <w:rPr>
          <w:rFonts w:ascii="Courier New" w:hAnsi="Courier New" w:cs="Courier New"/>
          <w:sz w:val="20"/>
          <w:szCs w:val="20"/>
        </w:rPr>
        <w:t>end</w:t>
      </w:r>
    </w:p>
    <w:p w14:paraId="28614888" w14:textId="77777777" w:rsidR="00D70F8D" w:rsidRDefault="00D70F8D" w:rsidP="00D70F8D">
      <w:pPr>
        <w:rPr>
          <w:rFonts w:ascii="Courier New" w:hAnsi="Courier New" w:cs="Courier New"/>
          <w:sz w:val="20"/>
          <w:szCs w:val="20"/>
        </w:rPr>
      </w:pPr>
    </w:p>
    <w:p w14:paraId="2AB28C90" w14:textId="77777777" w:rsidR="00D70F8D" w:rsidRDefault="00D70F8D" w:rsidP="00D70F8D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34080D43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clc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3F1946A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D70F8D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pwd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)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D76E83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D70F8D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44B786C9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D70F8D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dir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D70F8D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png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dir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D70F8D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FBA95C6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D70F8D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min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)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10B515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D70F8D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D70F8D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FFAC89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E8AEFAB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mg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D70F8D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193C2D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D70F8D">
        <w:rPr>
          <w:rFonts w:ascii="Courier New" w:hAnsi="Courier New" w:cs="Courier New"/>
          <w:sz w:val="20"/>
          <w:szCs w:val="20"/>
        </w:rPr>
        <w:t>img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, 3) == 3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mg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mg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); end</w:t>
      </w:r>
    </w:p>
    <w:p w14:paraId="0A266803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try</w:t>
      </w:r>
    </w:p>
    <w:p w14:paraId="7E70F083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4DC7BEFC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AQS_APPDRC_compres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F6AAE2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4C0651B4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catch ME</w:t>
      </w:r>
    </w:p>
    <w:p w14:paraId="297949AD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['Error on image ', num2str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), ': ', </w:t>
      </w: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ME.message</w:t>
      </w:r>
      <w:proofErr w:type="spellEnd"/>
      <w:proofErr w:type="gramEnd"/>
      <w:r w:rsidRPr="00D70F8D">
        <w:rPr>
          <w:rFonts w:ascii="Courier New" w:hAnsi="Courier New" w:cs="Courier New"/>
          <w:sz w:val="20"/>
          <w:szCs w:val="20"/>
        </w:rPr>
        <w:t>]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0C2FD1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dx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NaN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79320B8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end</w:t>
      </w:r>
    </w:p>
    <w:p w14:paraId="725B0ABB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>end</w:t>
      </w:r>
    </w:p>
    <w:p w14:paraId="29B7AA9C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D70F8D">
        <w:rPr>
          <w:rFonts w:ascii="Courier New" w:hAnsi="Courier New" w:cs="Courier New"/>
          <w:sz w:val="20"/>
          <w:szCs w:val="20"/>
        </w:rPr>
        <w:t>avg_tim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exec_times</w:t>
      </w:r>
      <w:proofErr w:type="spellEnd"/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18F41F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D70F8D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065A0DC0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D70F8D">
        <w:rPr>
          <w:rFonts w:ascii="Courier New" w:hAnsi="Courier New" w:cs="Courier New"/>
          <w:sz w:val="20"/>
          <w:szCs w:val="20"/>
        </w:rPr>
        <w:t>mem_used_mb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D70F8D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47CE32FA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'\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nAQ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-APPDRC Compression Timing and Memory Benchmark:\n'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866B73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avg_time</w:t>
      </w:r>
      <w:proofErr w:type="spellEnd"/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D4F151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mem_used_mb</w:t>
      </w:r>
      <w:proofErr w:type="spellEnd"/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3AA8C4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function output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AQS_APPDRC_compres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I)</w:t>
      </w:r>
    </w:p>
    <w:p w14:paraId="4C690FBD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I = double(I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8DA9C3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kernel_siz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3;</w:t>
      </w:r>
      <w:proofErr w:type="gramEnd"/>
    </w:p>
    <w:p w14:paraId="56B69174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color_ratio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0.5;</w:t>
      </w:r>
      <w:proofErr w:type="gramEnd"/>
    </w:p>
    <w:p w14:paraId="34F6F378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max_distanc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10;</w:t>
      </w:r>
      <w:proofErr w:type="gramEnd"/>
    </w:p>
    <w:p w14:paraId="00E724C1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_filtered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imgaussfilt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I, 2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79B1A4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adjusted_quick_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shift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D70F8D">
        <w:rPr>
          <w:rFonts w:ascii="Courier New" w:hAnsi="Courier New" w:cs="Courier New"/>
          <w:sz w:val="20"/>
          <w:szCs w:val="20"/>
        </w:rPr>
        <w:t>I_filtered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kernel_siz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color_ratio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max_distance</w:t>
      </w:r>
      <w:proofErr w:type="spellEnd"/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A0BCE4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segmented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binary_thresholding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superpixels</w:t>
      </w:r>
      <w:proofErr w:type="spellEnd"/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7B53BC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output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mgaussfilt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double(segmented), 1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485C7D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>end</w:t>
      </w:r>
    </w:p>
    <w:p w14:paraId="3B1117BA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lastRenderedPageBreak/>
        <w:t xml:space="preserve">function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adjusted_quick_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shift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 xml:space="preserve">I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kernel_siz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color_ratio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max_distanc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)</w:t>
      </w:r>
    </w:p>
    <w:p w14:paraId="19C81F20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[h, w] = size(I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5EDF53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h, w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AA3EAE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step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kernel_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D3376A6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:h</w:t>
      </w:r>
    </w:p>
    <w:p w14:paraId="7A5B852F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:w</w:t>
      </w:r>
    </w:p>
    <w:p w14:paraId="241155D6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row_end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min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i+step-1, h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16ACA9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col_end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min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j+step-1, w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EAB8E5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    region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I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:row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_end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j:col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_end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C3F970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mean_val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mean(region(:));</w:t>
      </w:r>
      <w:proofErr w:type="gramEnd"/>
    </w:p>
    <w:p w14:paraId="2C452C22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superpixels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i:row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_end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j:col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 xml:space="preserve">_end)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mean_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val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4BAE426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    end</w:t>
      </w:r>
    </w:p>
    <w:p w14:paraId="40CF70CD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end</w:t>
      </w:r>
    </w:p>
    <w:p w14:paraId="712750FF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>end</w:t>
      </w:r>
    </w:p>
    <w:p w14:paraId="0C5B2F64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function binary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binary_thresholding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I)</w:t>
      </w:r>
    </w:p>
    <w:p w14:paraId="2135C069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T = </w:t>
      </w:r>
      <w:proofErr w:type="spellStart"/>
      <w:r w:rsidRPr="00D70F8D">
        <w:rPr>
          <w:rFonts w:ascii="Courier New" w:hAnsi="Courier New" w:cs="Courier New"/>
          <w:sz w:val="20"/>
          <w:szCs w:val="20"/>
        </w:rPr>
        <w:t>graythresh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I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232EA6" w14:textId="77777777" w:rsidR="00D70F8D" w:rsidRP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 xml:space="preserve">    binary = </w:t>
      </w:r>
      <w:proofErr w:type="spellStart"/>
      <w:proofErr w:type="gramStart"/>
      <w:r w:rsidRPr="00D70F8D">
        <w:rPr>
          <w:rFonts w:ascii="Courier New" w:hAnsi="Courier New" w:cs="Courier New"/>
          <w:sz w:val="20"/>
          <w:szCs w:val="20"/>
        </w:rPr>
        <w:t>imbinarize</w:t>
      </w:r>
      <w:proofErr w:type="spellEnd"/>
      <w:r w:rsidRPr="00D70F8D">
        <w:rPr>
          <w:rFonts w:ascii="Courier New" w:hAnsi="Courier New" w:cs="Courier New"/>
          <w:sz w:val="20"/>
          <w:szCs w:val="20"/>
        </w:rPr>
        <w:t>(</w:t>
      </w:r>
      <w:proofErr w:type="gramEnd"/>
      <w:r w:rsidRPr="00D70F8D">
        <w:rPr>
          <w:rFonts w:ascii="Courier New" w:hAnsi="Courier New" w:cs="Courier New"/>
          <w:sz w:val="20"/>
          <w:szCs w:val="20"/>
        </w:rPr>
        <w:t>I, T</w:t>
      </w:r>
      <w:proofErr w:type="gramStart"/>
      <w:r w:rsidRPr="00D70F8D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2A2AF7" w14:textId="2EC15A1E" w:rsidR="00D70F8D" w:rsidRDefault="00D70F8D" w:rsidP="00D70F8D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D70F8D">
        <w:rPr>
          <w:rFonts w:ascii="Courier New" w:hAnsi="Courier New" w:cs="Courier New"/>
          <w:sz w:val="20"/>
          <w:szCs w:val="20"/>
        </w:rPr>
        <w:t>end</w:t>
      </w:r>
    </w:p>
    <w:p w14:paraId="2DB30A07" w14:textId="77777777" w:rsidR="009456D5" w:rsidRDefault="009456D5" w:rsidP="009456D5">
      <w:pPr>
        <w:rPr>
          <w:rFonts w:ascii="Courier New" w:hAnsi="Courier New" w:cs="Courier New"/>
          <w:sz w:val="20"/>
          <w:szCs w:val="20"/>
        </w:rPr>
      </w:pPr>
    </w:p>
    <w:p w14:paraId="06D2E395" w14:textId="2EDE225A" w:rsidR="009456D5" w:rsidRPr="00BB3215" w:rsidRDefault="009456D5" w:rsidP="009456D5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1.</w:t>
      </w:r>
      <w:r>
        <w:rPr>
          <w:b/>
          <w:bCs/>
          <w:sz w:val="24"/>
          <w:szCs w:val="24"/>
          <w:lang w:val="en-US"/>
        </w:rPr>
        <w:t xml:space="preserve">7 </w:t>
      </w:r>
      <w:r w:rsidRPr="009456D5">
        <w:rPr>
          <w:b/>
          <w:bCs/>
          <w:sz w:val="24"/>
          <w:szCs w:val="24"/>
        </w:rPr>
        <w:t>Contextual Vector Quantization (CVQ)</w:t>
      </w:r>
    </w:p>
    <w:p w14:paraId="637170F7" w14:textId="77777777" w:rsidR="009456D5" w:rsidRPr="0048038D" w:rsidRDefault="009456D5" w:rsidP="009456D5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p w14:paraId="7ACD952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')); ...</w:t>
      </w:r>
    </w:p>
    <w:p w14:paraId="3BE05EE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9A58B0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D34D7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B503B8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0088DB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330D5D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388231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28B6497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cro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6;</w:t>
      </w:r>
      <w:proofErr w:type="gramEnd"/>
    </w:p>
    <w:p w14:paraId="742C876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b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6B54922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678B51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C73C9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3) == 3</w:t>
      </w:r>
    </w:p>
    <w:p w14:paraId="196C70E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3343A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79B818D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9CE32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preprocess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preproces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C3A8F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CROI, BG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egment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preprocessed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36A68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OI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CROI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croi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9EB6D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G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BG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b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D972B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OI_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ROI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CROI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12555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G_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BG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BG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61687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OI_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G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4F15FF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profile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oubl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roun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end / 2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1AFC670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09EDA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77F0207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1BA4B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8BE99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78BF94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FE7DD7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27AD3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262CFD6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02645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CF094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1EA30BA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70030E5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</w:t>
      </w:r>
    </w:p>
    <w:p w14:paraId="4049DF1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6CFF89A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2251D7B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8CE4D7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D7FC0D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091547A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069B15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, uint8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C47BB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9CB0F0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6E0C101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ROI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d.indices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BG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d.indic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D294C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CA18BC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C7B243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2B28EED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5F123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464B4BC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A621A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65C4C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3B009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91F20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preproces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i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77FEBC4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wiener2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i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[5 5]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8AB3F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se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str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disk',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25A94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ope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se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DBA6E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769F509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[CROI, BG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egment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58E3E58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M, N] =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E883A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ROI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M, N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100FF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BG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M, N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4220B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seed = [round(M/2), round(N/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2EE1B7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ROI(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2))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9FADC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hreshold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;</w:t>
      </w:r>
      <w:proofErr w:type="gramEnd"/>
    </w:p>
    <w:p w14:paraId="1FDA31B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x = 2:M-1</w:t>
      </w:r>
    </w:p>
    <w:p w14:paraId="10B301F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y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:N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-1</w:t>
      </w:r>
    </w:p>
    <w:p w14:paraId="3E5EEA9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eighb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ROI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x-1:x+1, y-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y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+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5A3EC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an_intensi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eighb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neighb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&gt; 0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26C54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b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x, y)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an_intensi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&lt;= threshold</w:t>
      </w:r>
    </w:p>
    <w:p w14:paraId="116A6FF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ROI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x, y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55007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lse</w:t>
      </w:r>
    </w:p>
    <w:p w14:paraId="46FE8FA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BG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x, y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D9874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A28976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3245ED2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3FA74EE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108BB39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encoded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region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5A74708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M, N] = size(region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0CF2D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o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M, 2) ~= 0</w:t>
      </w:r>
    </w:p>
    <w:p w14:paraId="4BCDAE4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region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[1, 0], 'replicate', 'po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A390C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19F67BA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o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N, 2) ~= 0</w:t>
      </w:r>
    </w:p>
    <w:p w14:paraId="1FF2D9E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region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[0, 1], 'replicate', 'po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9E9F7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end</w:t>
      </w:r>
    </w:p>
    <w:p w14:paraId="5A58F15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blocks = mat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ell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region,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2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1) / 2), 1), ...</w:t>
      </w:r>
    </w:p>
    <w:p w14:paraId="2130B27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2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2) / 2), 1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3C2B3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odebook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deboo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4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7353CE7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ndices = zeros(size(blocks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24055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debook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size</w:t>
      </w:r>
    </w:p>
    <w:p w14:paraId="0DECD1D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d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blocks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3BD23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odebook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 = blocks{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}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7EFD6EE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B93D68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blocks)</w:t>
      </w:r>
    </w:p>
    <w:p w14:paraId="519AC23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block = blocks{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}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39191CB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[~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vecnor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codebook - block, 2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6F211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ndice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95591A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2C177C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coded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truct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codebook', codebook, 'indices', indice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1CEB6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677FADA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decoded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encoded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2835B45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odebook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encoded.codebook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>;</w:t>
      </w:r>
    </w:p>
    <w:p w14:paraId="2F542AD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ndices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encoded.indices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>;</w:t>
      </w:r>
    </w:p>
    <w:p w14:paraId="4AFBA37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rows, cols] = size(indice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32BBCD2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decoded = zero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_siz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BA035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202021D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0BBDFB4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indice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5DE76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_row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- 1) * 2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7822F2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_co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j - 1) * 2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856FC5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start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ow:start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row+1, start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ol:start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_col+1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shape(codebook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, [2, 2]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1BC9B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3116FE4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A24A5A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decoded = decoded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egion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egion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076BDD" w14:textId="4AF2FD29" w:rsid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19DF5705" w14:textId="77777777" w:rsidR="009456D5" w:rsidRDefault="009456D5" w:rsidP="009456D5">
      <w:pPr>
        <w:rPr>
          <w:rFonts w:ascii="Courier New" w:hAnsi="Courier New" w:cs="Courier New"/>
          <w:sz w:val="20"/>
          <w:szCs w:val="20"/>
        </w:rPr>
      </w:pPr>
    </w:p>
    <w:p w14:paraId="0B9F328F" w14:textId="77777777" w:rsidR="009456D5" w:rsidRPr="00287599" w:rsidRDefault="009456D5" w:rsidP="009456D5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63B6C58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')); ...</w:t>
      </w:r>
    </w:p>
    <w:p w14:paraId="75C472B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C71591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74221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4BEE6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057B3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cro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6;</w:t>
      </w:r>
      <w:proofErr w:type="gramEnd"/>
    </w:p>
    <w:p w14:paraId="4A550E1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b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3C09DCF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   </w:t>
      </w:r>
    </w:p>
    <w:p w14:paraId="616F1B3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7E74EAB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665E775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5114B88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F87CF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3) == 3</w:t>
      </w:r>
    </w:p>
    <w:p w14:paraId="31DF131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EBD01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299E1E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7D6BC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preprocess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preproces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9CCF5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CROI, BG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egment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preprocessed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CA336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OI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CROI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croi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232CF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G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BG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b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8005A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OI_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ROI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CROI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66757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G_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BG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BG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B467B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OI_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G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2FB8E1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ROI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d.indices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BG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d.indic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87653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43E7A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1A82E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Image %d: Transfer Time (3G): %.2f s, Transfer Time (4G): %.2f s\n', ...</w:t>
      </w:r>
    </w:p>
    <w:p w14:paraId="3C1CA93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948E4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082317D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Transfer Time (3G): %.2f s\n', mean(transmission_times_3G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55F84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Transfer Time (4G): %.2f s\n', mean(transmission_times_4G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22BAF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preproces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i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656AB91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wiener2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i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[5 5]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4CA09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se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str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disk',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BABCB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ope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se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E79BB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064D9B7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[CROI, BG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egment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6A51F1D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M, N] =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B83F4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ROI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M, N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60E6D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BG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M, N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8430E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seed = [round(M/2), round(N/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D54D84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ROI(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2))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F8C9E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hreshold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;</w:t>
      </w:r>
      <w:proofErr w:type="gramEnd"/>
    </w:p>
    <w:p w14:paraId="25671ED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x = 2:M-1</w:t>
      </w:r>
    </w:p>
    <w:p w14:paraId="0016786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y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:N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-1</w:t>
      </w:r>
    </w:p>
    <w:p w14:paraId="79166CB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eighb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ROI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x-1:x+1, y-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y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+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54E1F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an_intensi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eighb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neighb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&gt; 0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6DF7E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b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x, y)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an_intensi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&lt;= threshold</w:t>
      </w:r>
    </w:p>
    <w:p w14:paraId="08CD43A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ROI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x, y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A8F72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lse</w:t>
      </w:r>
    </w:p>
    <w:p w14:paraId="7E1E16F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BG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x, y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64CBD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2CEDC31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3863039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498E238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6CF4EFA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encoded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region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0B9B4AD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M, N] = size(region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93CEB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o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M, 2) ~= 0</w:t>
      </w:r>
    </w:p>
    <w:p w14:paraId="446EE2F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region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[1, 0], 'replicate', 'po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05909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0989DF6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o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N, 2) ~= 0</w:t>
      </w:r>
    </w:p>
    <w:p w14:paraId="094C62B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region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[0, 1], 'replicate', 'po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74AAD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60CB3DE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blocks = mat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ell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region,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2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1) / 2), 1), ...</w:t>
      </w:r>
    </w:p>
    <w:p w14:paraId="701245B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2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2) / 2), 1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09814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odebook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deboo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4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6FB16E1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ndices = zeros(size(blocks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DA28E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debook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size</w:t>
      </w:r>
    </w:p>
    <w:p w14:paraId="405FDBC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d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blocks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7FC53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odebook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 = blocks{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}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18BE0AA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4DAC691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blocks)</w:t>
      </w:r>
    </w:p>
    <w:p w14:paraId="6A4758F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block = blocks{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}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4E2CC08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[~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vecnor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codebook - block, 2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E2580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ndice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758CB3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24796E7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encoded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truct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codebook', codebook, 'indices', indice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90024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6CB4545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decoded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encoded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5D1401F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odebook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encoded.codebook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>;</w:t>
      </w:r>
    </w:p>
    <w:p w14:paraId="639D414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ndices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encoded.indices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>;</w:t>
      </w:r>
    </w:p>
    <w:p w14:paraId="22DDBF4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rows, cols] = size(indice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00882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decoded = zero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_siz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74D75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6076699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39BDB42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indice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DB4FE0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_row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- 1) * 2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38245C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_co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j - 1) * 2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7BBF16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start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ow:start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row+1, start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ol:start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_col+1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shape(codebook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, [2, 2]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29F8C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0538DE4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71B32AC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decoded = decoded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egion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egion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7D9D0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4AFD724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7814EC3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55B820E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13D2121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bp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7D0D82C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0C77AFD7" w14:textId="0A5E0401" w:rsid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2673BFC5" w14:textId="77777777" w:rsidR="009456D5" w:rsidRDefault="009456D5" w:rsidP="009456D5">
      <w:pPr>
        <w:rPr>
          <w:rFonts w:ascii="Courier New" w:hAnsi="Courier New" w:cs="Courier New"/>
          <w:sz w:val="20"/>
          <w:szCs w:val="20"/>
        </w:rPr>
      </w:pPr>
    </w:p>
    <w:p w14:paraId="5FD0EBD0" w14:textId="77777777" w:rsidR="009456D5" w:rsidRDefault="009456D5" w:rsidP="009456D5">
      <w:pPr>
        <w:rPr>
          <w:u w:val="single"/>
        </w:rPr>
      </w:pPr>
      <w:bookmarkStart w:id="14" w:name="_Hlk198954031"/>
      <w:r w:rsidRPr="00287599">
        <w:rPr>
          <w:u w:val="single"/>
        </w:rPr>
        <w:t>Timing and Memory Profiling</w:t>
      </w:r>
    </w:p>
    <w:bookmarkEnd w:id="14"/>
    <w:p w14:paraId="6CFEAFD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clc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1AD192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w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AB012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0358050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2C6599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68444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10681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76A7A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cro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6;</w:t>
      </w:r>
      <w:proofErr w:type="gramEnd"/>
    </w:p>
    <w:p w14:paraId="2C0A955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b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2D0F5AF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41213F9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928FB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3) == 3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; end</w:t>
      </w:r>
    </w:p>
    <w:p w14:paraId="189FB72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42D11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ry</w:t>
      </w:r>
    </w:p>
    <w:p w14:paraId="185C9C2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m_star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33E039F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3C1DC8B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preprocess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preproces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A9456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[CROI, BG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egment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preprocessed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D974F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OI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CROI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croi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68DFB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G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BG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_b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5ACA2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OI_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ROI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CROI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0A9BE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G_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BG_en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BG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0CB7C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OI_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G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AF4121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60677F7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m_en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7D9189A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= 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d.MemUsedMATLAB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tart.MemUsedMATLAB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) /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535C0B2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atch</w:t>
      </w:r>
    </w:p>
    <w:p w14:paraId="0D2434A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103C21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8395EF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end</w:t>
      </w:r>
    </w:p>
    <w:p w14:paraId="5BFC300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74CC16C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CVQ Compression Timing and Memory Benchmark:\n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93732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B5F13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F2C3F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preproces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i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5154821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wiener2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i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[5 5]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0EADE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se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str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disk',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31533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ope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_ou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se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51A9C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32EB715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[CROI, BG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egment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0D67F0F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M, N] =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94362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ROI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M, N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EF659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BG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M, N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1A2F3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seed = [round(M/2), round(N/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9935D5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ROI(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2))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e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711AE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hreshold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;</w:t>
      </w:r>
      <w:proofErr w:type="gramEnd"/>
    </w:p>
    <w:p w14:paraId="0F21647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x = 2:M-1</w:t>
      </w:r>
    </w:p>
    <w:p w14:paraId="0F17CF3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y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:N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-1</w:t>
      </w:r>
    </w:p>
    <w:p w14:paraId="1F7574B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eighb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ROI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x-1:x+1, y-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y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+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0B03A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an_intensi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eighb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neighb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&gt; 0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988EA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b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x, y)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an_intensi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&lt;= threshold</w:t>
      </w:r>
    </w:p>
    <w:p w14:paraId="4CA4E30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ROI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x, y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A7296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lse</w:t>
      </w:r>
    </w:p>
    <w:p w14:paraId="63EC8A1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BG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x, y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7B8D2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12E3968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4012355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15965B2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443482C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encoded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region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deboo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2D89ACF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M, N] = size(region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BD3AB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o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M, 2) ~= 0, region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[1, 0], 'replicate', 'post'); end</w:t>
      </w:r>
    </w:p>
    <w:p w14:paraId="1781BCF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o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N, 2) ~= 0, region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[0, 1], 'replicate', 'post'); end</w:t>
      </w:r>
    </w:p>
    <w:p w14:paraId="673C3F8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blocks = mat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ell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region,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2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region, 1)/2), 1),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2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egion, 2)/2), 1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5EF7E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odebook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deboo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4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0F5990D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ndices = zeros(size(blocks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176BB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debook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size</w:t>
      </w:r>
    </w:p>
    <w:p w14:paraId="6F8C27D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d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blocks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E2482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odebook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 = blocks{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}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79F6547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7A13F6E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blocks)</w:t>
      </w:r>
    </w:p>
    <w:p w14:paraId="6AF4F93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block = blocks{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}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30A0E2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[~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vecnor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codebook - block, 2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CD86D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ndice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EB9F6E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7F42339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coded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truct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codebook', codebook, 'indices', indice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9C1233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71717B7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decoded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VQ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encoded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2999F5F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odebook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encoded.codebook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>;</w:t>
      </w:r>
    </w:p>
    <w:p w14:paraId="127EFDF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ndices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encoded.indices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>;</w:t>
      </w:r>
    </w:p>
    <w:p w14:paraId="2CE2E89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rows, cols] = size(indice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02CC1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decoded = zero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_siz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5C6E4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7AFEED5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20E4C74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indice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BDB52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_row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- 1) * 2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FDB622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_co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j - 1) * 2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E51227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de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start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ow:start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row+1, start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ol:start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_col+1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shape(codebook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, [2, 2]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A5420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63E38D0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2BA5B74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decoded = decoded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egion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egion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AAAD8D" w14:textId="0F7617E9" w:rsid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7E5E71B5" w14:textId="77777777" w:rsidR="009456D5" w:rsidRDefault="009456D5" w:rsidP="009456D5">
      <w:pPr>
        <w:rPr>
          <w:rFonts w:ascii="Courier New" w:hAnsi="Courier New" w:cs="Courier New"/>
          <w:sz w:val="20"/>
          <w:szCs w:val="20"/>
        </w:rPr>
      </w:pPr>
    </w:p>
    <w:p w14:paraId="1B0CB99F" w14:textId="0F9AC481" w:rsidR="009456D5" w:rsidRDefault="009456D5" w:rsidP="009456D5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1.</w:t>
      </w:r>
      <w:r>
        <w:rPr>
          <w:b/>
          <w:bCs/>
          <w:sz w:val="24"/>
          <w:szCs w:val="24"/>
          <w:lang w:val="en-US"/>
        </w:rPr>
        <w:t xml:space="preserve">8 </w:t>
      </w:r>
      <w:r w:rsidRPr="009456D5">
        <w:rPr>
          <w:b/>
          <w:bCs/>
          <w:sz w:val="24"/>
          <w:szCs w:val="24"/>
        </w:rPr>
        <w:t>Pixel-Position-Based</w:t>
      </w:r>
    </w:p>
    <w:p w14:paraId="58B68098" w14:textId="77777777" w:rsidR="009456D5" w:rsidRPr="0048038D" w:rsidRDefault="009456D5" w:rsidP="009456D5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p w14:paraId="58BB69A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')); ...</w:t>
      </w:r>
    </w:p>
    <w:p w14:paraId="28D0C57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C336C7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D5316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CD609E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A478F1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648E52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58B0E4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22AFE48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50DFF3D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9ACAF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3) == 3</w:t>
      </w:r>
    </w:p>
    <w:p w14:paraId="5F6A08C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DE9A7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3D8DCF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Original Image %d Size: %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x%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\n'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A0B9E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ixelPositionBasedCompressionWithDecompress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07E3A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mpres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B53B4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Decompressed Image %d Size: %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x%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\n'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AF38A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[rows, cols] =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1D4B2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_row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_col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] =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D964B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if rows ~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_row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|| cols ~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_cols</w:t>
      </w:r>
      <w:proofErr w:type="spellEnd"/>
    </w:p>
    <w:p w14:paraId="17F8E3B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Size mismatch detected: Original (%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x%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, Decompressed (%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x%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\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n', ...</w:t>
      </w:r>
    </w:p>
    <w:p w14:paraId="4244E8C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rows, cols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_row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_col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A2F97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[rows, cols], 'neare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48A4D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30E8B3C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6A46CEA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7307A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0CF97ED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profile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oubl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roun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end / 2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5A83CA8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FDA7B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7A18B97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8F6F0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A3624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4FEAFA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9A5CD2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if ~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sequ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,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)</w:t>
      </w:r>
    </w:p>
    <w:p w14:paraId="38BAF93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F7ED2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7D52BFA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Final Decompressed Image %d Size (after resize): %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x%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\n'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8F172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lastRenderedPageBreak/>
        <w:t>reconstruction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77F08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2A53888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AA0EF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0DFF9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38130B1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4D9E276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5AB2B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</w:t>
      </w:r>
    </w:p>
    <w:p w14:paraId="7D882DC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6C51878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EC85A1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734484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BC54FD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94BD9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643A965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6A62F7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077DA5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bits_per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3100545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bits_per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64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74AF3B9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its_per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...</w:t>
      </w:r>
    </w:p>
    <w:p w14:paraId="018D97A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Data.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its_per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FFF90F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7A68855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6D0D98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536BE3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002CA64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F3477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4F093BA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42705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DC074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0F200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4D920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ixelPositionBasedCompressionWithDecompress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6CE7E15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16BBEB4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3D7FD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5F64A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sType1 = mod(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)' + 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),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02A44D6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43B3FB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tect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091A2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183CB7D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6C646D2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63BC025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s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))</w:t>
      </w:r>
    </w:p>
    <w:p w14:paraId="3EB21AE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ontinue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51BF915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3D38C7D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1 || j == 1 ||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rows || j == cols</w:t>
      </w:r>
    </w:p>
    <w:p w14:paraId="46579D9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handleBorde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, rows, col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4631F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lse</w:t>
      </w:r>
    </w:p>
    <w:p w14:paraId="61F8288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if isType1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) == 1</w:t>
      </w:r>
    </w:p>
    <w:p w14:paraId="08377B5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-1, j-1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-1, j+1)) /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8295B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else</w:t>
      </w:r>
    </w:p>
    <w:p w14:paraId="53B6454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-1, j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-1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+1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+1, j)) / 4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8D812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end</w:t>
      </w:r>
    </w:p>
    <w:p w14:paraId="59A16BE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0B5142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5DD2B51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    end</w:t>
      </w:r>
    </w:p>
    <w:p w14:paraId="777B2C6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4B62F92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arithmeticCodi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FC4A1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1FB446A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handleBorde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, rows, cols)</w:t>
      </w:r>
    </w:p>
    <w:p w14:paraId="620741C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1 </w:t>
      </w:r>
    </w:p>
    <w:p w14:paraId="4B72F8E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f j == 1</w:t>
      </w:r>
    </w:p>
    <w:p w14:paraId="14C2D98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122011A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lse</w:t>
      </w:r>
    </w:p>
    <w:p w14:paraId="7352B01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-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463AAD4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5415B8A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if j == 1 </w:t>
      </w:r>
    </w:p>
    <w:p w14:paraId="605AE72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-1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1A623A8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rows </w:t>
      </w:r>
    </w:p>
    <w:p w14:paraId="456D115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-1, j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-1)) /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043EC91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if j == cols </w:t>
      </w:r>
    </w:p>
    <w:p w14:paraId="77B6323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-1, j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-1)) /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23B0D87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</w:t>
      </w:r>
    </w:p>
    <w:p w14:paraId="526D5CD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4890925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6D4B818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04B4008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tect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08857D7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false(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2BBF3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D543BB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43828F1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)</w:t>
      </w:r>
    </w:p>
    <w:p w14:paraId="02B7B85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271B9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ll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:) =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405B89F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: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ue;</w:t>
      </w:r>
      <w:proofErr w:type="gramEnd"/>
    </w:p>
    <w:p w14:paraId="12C7B19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1F52CA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5BDBB2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5AC0EC5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3638333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</w:p>
    <w:p w14:paraId="25112B0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1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AD97C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ll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(:,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j) =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04A438B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(:,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j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ue;</w:t>
      </w:r>
      <w:proofErr w:type="gramEnd"/>
    </w:p>
    <w:p w14:paraId="2B1F5C6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D29AD0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 =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, j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2E06AF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26747C3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DCD446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26C5429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arithmeticCodi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789940C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2A57C20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in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floor(min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03BC54F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ceil(max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6B13BB2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range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minVal:maxVal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>;</w:t>
      </w:r>
    </w:p>
    <w:p w14:paraId="6EFFAEF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[range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1]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61E7436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sum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== 0</w:t>
      </w:r>
    </w:p>
    <w:p w14:paraId="0012410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Frequency array is empty; check input data.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56801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2C7DC40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0;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6FD74DA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&lt; 2</w:t>
      </w:r>
    </w:p>
    <w:p w14:paraId="31CB40E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Invalid cumulative frequency array. Check input data.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85EF8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7641FEE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low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5CDDCCD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high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408795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14232C7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    symbol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(k)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in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46E67E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symbol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ax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symbol,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-1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3A945D4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geWid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high -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low;</w:t>
      </w:r>
      <w:proofErr w:type="gramEnd"/>
    </w:p>
    <w:p w14:paraId="68CC847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high = low +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geWid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symbol + 1)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end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0321E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low = low +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geWid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(symbol)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end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39404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276328E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encod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low + high) /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2224E23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C07FA1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59129D4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mpres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rows, cols)</w:t>
      </w:r>
    </w:p>
    <w:p w14:paraId="3A285A9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27929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E2EA45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)</w:t>
      </w:r>
    </w:p>
    <w:p w14:paraId="1E64358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value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66B9F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F9E3F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Co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3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AC733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length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4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CE07E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:(startRow+length-1)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Co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:(startCol+length-1)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value;</w:t>
      </w:r>
      <w:proofErr w:type="gramEnd"/>
    </w:p>
    <w:p w14:paraId="2A124F2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1B749A5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[rows, cols], 'neare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F91F6D" w14:textId="6350B98A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2C06FACB" w14:textId="77777777" w:rsid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</w:p>
    <w:p w14:paraId="4D832626" w14:textId="77777777" w:rsidR="009456D5" w:rsidRDefault="009456D5" w:rsidP="009456D5">
      <w:pPr>
        <w:rPr>
          <w:rFonts w:ascii="Courier New" w:hAnsi="Courier New" w:cs="Courier New"/>
          <w:sz w:val="20"/>
          <w:szCs w:val="20"/>
        </w:rPr>
      </w:pPr>
    </w:p>
    <w:p w14:paraId="2DF8806A" w14:textId="77777777" w:rsidR="009456D5" w:rsidRPr="00287599" w:rsidRDefault="009456D5" w:rsidP="009456D5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0398920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')); ...</w:t>
      </w:r>
    </w:p>
    <w:p w14:paraId="0F26E66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262627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68A05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   </w:t>
      </w:r>
    </w:p>
    <w:p w14:paraId="0FDCD28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258618B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246E950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58B72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779CE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ECA165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C6EC3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3) == 3</w:t>
      </w:r>
    </w:p>
    <w:p w14:paraId="6F606B5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03E53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6D7E4B2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~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ixelPositionBasedCompressionWithDecompress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16B40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mpres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05FAE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its_per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2377B29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its_per_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64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420AD45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its_per_erro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...</w:t>
      </w:r>
    </w:p>
    <w:p w14:paraId="34821CF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Data.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its_per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E9E5BD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3629B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EB067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27637A1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4F980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>end</w:t>
      </w:r>
    </w:p>
    <w:p w14:paraId="3E89007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E2C11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16B1F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67B5974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3C78B2F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7D768E7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bp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484431D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7B37D69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283083D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ixelPositionBasedCompressionWithDecompress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683EF4C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411AB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AA763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86A58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sType1 = mod(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)' + 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),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88FBB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E2C926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tect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FAA42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077973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:rows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-1</w:t>
      </w:r>
    </w:p>
    <w:p w14:paraId="26F05A4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:cols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-1</w:t>
      </w:r>
    </w:p>
    <w:p w14:paraId="6DC3BB4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s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))</w:t>
      </w:r>
    </w:p>
    <w:p w14:paraId="08F4145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ontinue;</w:t>
      </w:r>
      <w:proofErr w:type="gramEnd"/>
    </w:p>
    <w:p w14:paraId="16BE2CF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18CF0EB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isType1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) == 1</w:t>
      </w:r>
    </w:p>
    <w:p w14:paraId="5A7545C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4*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-1, j) + 4*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-1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+1, j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+1)) / 10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03747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lse</w:t>
      </w:r>
    </w:p>
    <w:p w14:paraId="7F98768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-1, j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-1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+1, j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+1) + ...</w:t>
      </w:r>
    </w:p>
    <w:p w14:paraId="1709510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                       2*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-1, j-1) + 2*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-1, j+1) + 2*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+1, j-1) + 2*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+1, j+1)) / 1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761D6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5D54056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B5F8D8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1BC5DA8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105D160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s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5E22F21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~= 0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AE5D9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arithmeticCodi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49E9D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F9B969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2EEE253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handleBorde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, rows, cols)</w:t>
      </w:r>
    </w:p>
    <w:p w14:paraId="01172F9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1 &amp;&amp; j == 1</w:t>
      </w:r>
    </w:p>
    <w:p w14:paraId="718A521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7BC45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1</w:t>
      </w:r>
    </w:p>
    <w:p w14:paraId="412966A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f j &gt; 1</w:t>
      </w:r>
    </w:p>
    <w:p w14:paraId="6C54BF7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-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42BA3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lse</w:t>
      </w:r>
    </w:p>
    <w:p w14:paraId="3CEE6C1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B5198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3BA116D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if j == 1</w:t>
      </w:r>
    </w:p>
    <w:p w14:paraId="2DF675A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&gt; 1</w:t>
      </w:r>
    </w:p>
    <w:p w14:paraId="630B391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-1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9A098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lse</w:t>
      </w:r>
    </w:p>
    <w:p w14:paraId="706BBE7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7750F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2C6B181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rows || j == cols</w:t>
      </w:r>
    </w:p>
    <w:p w14:paraId="2387C88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-1, j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-1)) /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25AAC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</w:t>
      </w:r>
    </w:p>
    <w:p w14:paraId="5F15812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08FF2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0F322FC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136085C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tect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78F8962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false(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A644B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CA710C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403C46B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hreshold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0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 </w:t>
      </w:r>
    </w:p>
    <w:p w14:paraId="6372985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loc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8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 </w:t>
      </w:r>
    </w:p>
    <w:p w14:paraId="3E4A95E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block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:size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)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loc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1</w:t>
      </w:r>
    </w:p>
    <w:p w14:paraId="4E665C8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block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:size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2)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lock_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1</w:t>
      </w:r>
    </w:p>
    <w:p w14:paraId="47F92A3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+block_size-1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j:j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+block_size-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D58B7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ange(block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:)) &lt; threshold  </w:t>
      </w:r>
    </w:p>
    <w:p w14:paraId="6755693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+block_size-1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j:j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+block_size-1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ue;</w:t>
      </w:r>
      <w:proofErr w:type="gramEnd"/>
    </w:p>
    <w:p w14:paraId="52B25A4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F3DC32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an(block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:))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block_siz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F73E6C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3C699B6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3A7B142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1EC131A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749A957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arithmeticCodi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69646F6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;</w:t>
      </w:r>
      <w:proofErr w:type="gramEnd"/>
    </w:p>
    <w:p w14:paraId="4D12FB1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onZero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~= 0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387DE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onZero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4E43A04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encod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136879A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A105F9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51305F8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47CE7E7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7D55CD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in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floor(min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onZero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2F5768E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ceil(max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onZero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475FC2E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range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minVal:maxVal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>;</w:t>
      </w:r>
    </w:p>
    <w:p w14:paraId="3FC5DE9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nonZero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[range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1]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24F9B85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ll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0)</w:t>
      </w:r>
    </w:p>
    <w:p w14:paraId="1B22189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ones(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0615D55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0EA6097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0;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12C660D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 &lt;= 1</w:t>
      </w:r>
    </w:p>
    <w:p w14:paraId="5F7EEC6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Invalid cumulative frequency array. Check input data.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41124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1265F65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low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6CA95B2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high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81B9DD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onZero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16825E6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symbol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onZero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(k)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in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26D4CF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symbol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ax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symbol,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-1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2EA9F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geWid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high -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low;</w:t>
      </w:r>
      <w:proofErr w:type="gramEnd"/>
    </w:p>
    <w:p w14:paraId="573B942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high = low +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geWid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symbol + 1)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end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AFFFE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low = low +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geWid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(symbol)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end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F80E7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144EC54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encod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low + high) /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2CF28EB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05A6B4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onZero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7D290B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44064AC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mpres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rows, cols)</w:t>
      </w:r>
    </w:p>
    <w:p w14:paraId="40701BD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E82B7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0D86ED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)</w:t>
      </w:r>
    </w:p>
    <w:p w14:paraId="5A2001B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value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EDE53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7FBA8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Co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3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24EDA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length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4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BDA9C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:(startRow+length-1)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Co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:(startCol+length-1)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value;</w:t>
      </w:r>
      <w:proofErr w:type="gramEnd"/>
    </w:p>
    <w:p w14:paraId="12274B8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0888524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[rows, cols], 'neare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28F980" w14:textId="70C95365" w:rsid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4033703B" w14:textId="77777777" w:rsidR="009456D5" w:rsidRDefault="009456D5" w:rsidP="009456D5">
      <w:pPr>
        <w:rPr>
          <w:rFonts w:ascii="Courier New" w:hAnsi="Courier New" w:cs="Courier New"/>
          <w:sz w:val="20"/>
          <w:szCs w:val="20"/>
        </w:rPr>
      </w:pPr>
    </w:p>
    <w:p w14:paraId="006A4EFA" w14:textId="77777777" w:rsidR="009456D5" w:rsidRDefault="009456D5" w:rsidP="009456D5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71956E4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clc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CB4888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w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E6DB9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2783184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B484A1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503C4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times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26939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66F9E3F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AB9D8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3) == 3</w:t>
      </w:r>
    </w:p>
    <w:p w14:paraId="21C7F8C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9E9F0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34717F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try</w:t>
      </w:r>
    </w:p>
    <w:p w14:paraId="696E814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4F63070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ixelPositionBasedCompressionWithDecompress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1200F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mpres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BB167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2A5A735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catch ME</w:t>
      </w:r>
    </w:p>
    <w:p w14:paraId="6B07470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'Error on image %d: %s'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ME.mess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3C34B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DBEA58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25E1C2A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60F45B0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avg_tim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time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53F7E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455A17C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456D5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2C4F3CB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Pixel-Position-Based Compression Timing and Memory Benchmark:\n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D8B88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avg_tim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2D006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em_usag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74F03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ixelPositionBasedCompressionWithDecompressio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4131545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7E457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3B72E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B3896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sType1 = mod(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)' + (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),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AB99A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6315B1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tect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80D55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F84CC0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24944AE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680ABE2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snan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)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continue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end</w:t>
      </w:r>
    </w:p>
    <w:p w14:paraId="7F2E0BD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1 || j == 1 ||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rows || j == cols</w:t>
      </w:r>
    </w:p>
    <w:p w14:paraId="248985A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handleBorde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, rows, col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DA5C2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lse</w:t>
      </w:r>
    </w:p>
    <w:p w14:paraId="360ED66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if isType1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) == 1</w:t>
      </w:r>
    </w:p>
    <w:p w14:paraId="7244262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    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-1, j-1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-1, j+1)) /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778B5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else</w:t>
      </w:r>
    </w:p>
    <w:p w14:paraId="742A64C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-1, j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-1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+1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+1, j)) / 4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69C32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end</w:t>
      </w:r>
    </w:p>
    <w:p w14:paraId="0971398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7B932B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76DB1FD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4F61965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6DD208A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arithmeticCodi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A4036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0824757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handleBorde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, rows, cols)</w:t>
      </w:r>
    </w:p>
    <w:p w14:paraId="79BC372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1</w:t>
      </w:r>
    </w:p>
    <w:p w14:paraId="449C4E2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f j == 1</w:t>
      </w:r>
    </w:p>
    <w:p w14:paraId="3B6EDB3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DC13B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lse</w:t>
      </w:r>
    </w:p>
    <w:p w14:paraId="63EDF5D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-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FC9A6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07BB8FA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if j == 1</w:t>
      </w:r>
    </w:p>
    <w:p w14:paraId="41838CC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i-1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BD941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if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= rows || j == cols</w:t>
      </w:r>
    </w:p>
    <w:p w14:paraId="79E6838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j) -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i-1, j) +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-1)) /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51B2B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lse</w:t>
      </w:r>
    </w:p>
    <w:p w14:paraId="2842892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error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j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9543A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4850983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56EC1AD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tect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3ACEB86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false(size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84D20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D7B5B5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706C2D4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)</w:t>
      </w:r>
    </w:p>
    <w:p w14:paraId="01114B9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ll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:) =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))</w:t>
      </w:r>
    </w:p>
    <w:p w14:paraId="0F8CC6A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: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ue;</w:t>
      </w:r>
      <w:proofErr w:type="gramEnd"/>
    </w:p>
    <w:p w14:paraId="26ACD6D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FBBF9D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 = [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)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1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96BD673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390EE42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0B54697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2)</w:t>
      </w:r>
    </w:p>
    <w:p w14:paraId="405FC3C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all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(:,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j) =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1, j))</w:t>
      </w:r>
    </w:p>
    <w:p w14:paraId="34E60A8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Mask</w:t>
      </w:r>
      <w:proofErr w:type="spellEnd"/>
      <w:proofErr w:type="gramStart"/>
      <w:r w:rsidRPr="009456D5">
        <w:rPr>
          <w:rFonts w:ascii="Courier New" w:hAnsi="Courier New" w:cs="Courier New"/>
          <w:sz w:val="20"/>
          <w:szCs w:val="20"/>
        </w:rPr>
        <w:t>(:,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j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true;</w:t>
      </w:r>
      <w:proofErr w:type="gramEnd"/>
    </w:p>
    <w:p w14:paraId="782D913C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729A89B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regionCount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:) = [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, j), 1, j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435F4E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end</w:t>
      </w:r>
    </w:p>
    <w:p w14:paraId="0500733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7D51F60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4C574E1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arithmeticCoding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4C5BBE5E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: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</w:t>
      </w:r>
    </w:p>
    <w:p w14:paraId="76A2F93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in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floor(min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3F570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ceil(max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FA42E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range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minVal:maxVal</w:t>
      </w:r>
      <w:proofErr w:type="spellEnd"/>
      <w:proofErr w:type="gramEnd"/>
      <w:r w:rsidRPr="009456D5">
        <w:rPr>
          <w:rFonts w:ascii="Courier New" w:hAnsi="Courier New" w:cs="Courier New"/>
          <w:sz w:val="20"/>
          <w:szCs w:val="20"/>
        </w:rPr>
        <w:t>;</w:t>
      </w:r>
    </w:p>
    <w:p w14:paraId="20E50A2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, [range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ax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1]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C28402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if sum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) == 0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'Frequency array is empty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 end</w:t>
      </w:r>
    </w:p>
    <w:p w14:paraId="7A4F096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[0;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528BBF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low = 0; high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6BFBCD6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</w:t>
      </w:r>
    </w:p>
    <w:p w14:paraId="44BC29D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symbol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(k) -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minVa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19F187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symbol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ax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symbol, length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)-1)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7A7FD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geWid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high -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low;</w:t>
      </w:r>
      <w:proofErr w:type="gramEnd"/>
    </w:p>
    <w:p w14:paraId="29886468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high = low +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geWid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 xml:space="preserve">symbol + 1)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end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80B94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low = low +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rangeWidth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(symbol) /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umFreq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end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50CE49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80672C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encodedValu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(low + high) /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0A6F09BA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0D4E39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622BC21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decompress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rows, cols)</w:t>
      </w:r>
    </w:p>
    <w:p w14:paraId="43C2BD7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EB1310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compressedData.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547135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1)</w:t>
      </w:r>
    </w:p>
    <w:p w14:paraId="42BD07B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value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1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DD7934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2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7FA08D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Co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3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3F00D7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length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uniformRegions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gramEnd"/>
      <w:r w:rsidRPr="009456D5">
        <w:rPr>
          <w:rFonts w:ascii="Courier New" w:hAnsi="Courier New" w:cs="Courier New"/>
          <w:sz w:val="20"/>
          <w:szCs w:val="20"/>
        </w:rPr>
        <w:t>k, 4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0FF3BF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:(startRow+length-1),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startCol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:(startCol+length-1)) = 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value;</w:t>
      </w:r>
      <w:proofErr w:type="gramEnd"/>
    </w:p>
    <w:p w14:paraId="0D06D6B5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end</w:t>
      </w:r>
    </w:p>
    <w:p w14:paraId="5A679BF1" w14:textId="77777777" w:rsidR="009456D5" w:rsidRP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456D5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456D5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456D5">
        <w:rPr>
          <w:rFonts w:ascii="Courier New" w:hAnsi="Courier New" w:cs="Courier New"/>
          <w:sz w:val="20"/>
          <w:szCs w:val="20"/>
        </w:rPr>
        <w:t>, [rows, cols], 'nearest'</w:t>
      </w:r>
      <w:proofErr w:type="gramStart"/>
      <w:r w:rsidRPr="009456D5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57A2DE" w14:textId="53D6639C" w:rsidR="009456D5" w:rsidRDefault="009456D5" w:rsidP="009456D5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456D5">
        <w:rPr>
          <w:rFonts w:ascii="Courier New" w:hAnsi="Courier New" w:cs="Courier New"/>
          <w:sz w:val="20"/>
          <w:szCs w:val="20"/>
        </w:rPr>
        <w:t>end</w:t>
      </w:r>
    </w:p>
    <w:p w14:paraId="25461941" w14:textId="77777777" w:rsidR="009456D5" w:rsidRDefault="009456D5" w:rsidP="009456D5">
      <w:pPr>
        <w:rPr>
          <w:rFonts w:ascii="Courier New" w:hAnsi="Courier New" w:cs="Courier New"/>
          <w:sz w:val="20"/>
          <w:szCs w:val="20"/>
        </w:rPr>
      </w:pPr>
    </w:p>
    <w:p w14:paraId="60AEEF53" w14:textId="400D7CBD" w:rsidR="009456D5" w:rsidRDefault="009456D5" w:rsidP="009456D5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1.</w:t>
      </w:r>
      <w:r>
        <w:rPr>
          <w:b/>
          <w:bCs/>
          <w:sz w:val="24"/>
          <w:szCs w:val="24"/>
          <w:lang w:val="en-US"/>
        </w:rPr>
        <w:t xml:space="preserve">9 </w:t>
      </w:r>
      <w:r w:rsidR="000C48EA" w:rsidRPr="000C48EA">
        <w:rPr>
          <w:b/>
          <w:bCs/>
          <w:sz w:val="24"/>
          <w:szCs w:val="24"/>
        </w:rPr>
        <w:t>Medical Image Compression with Thresholding (MICT)</w:t>
      </w:r>
    </w:p>
    <w:p w14:paraId="322035DE" w14:textId="77777777" w:rsidR="009456D5" w:rsidRPr="0048038D" w:rsidRDefault="009456D5" w:rsidP="009456D5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p w14:paraId="5D734A8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)); ...</w:t>
      </w:r>
    </w:p>
    <w:p w14:paraId="2AFE275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337B40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01792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292CC6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4B94EF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416F34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F7FE8A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090DEE5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767C7F7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33544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3) == 3</w:t>
      </w:r>
    </w:p>
    <w:p w14:paraId="4935AD8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4E8CD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7F7E503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256, 256]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D984E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LL, LH, HL, HH] = dwt2(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'db9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CCBA9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L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L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1EBB1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L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L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FC872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H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H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DA7BB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H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H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C85E4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C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ows_L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H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L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LH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D5212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iteration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50;</w:t>
      </w:r>
      <w:proofErr w:type="gramEnd"/>
    </w:p>
    <w:p w14:paraId="3666D0A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teration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21607D6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while true</w:t>
      </w:r>
    </w:p>
    <w:p w14:paraId="0DB88CC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teration = iteration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BFC668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F665D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AED63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5D747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48F92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1 = zeros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C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738C234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1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L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LL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32B61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 xml:space="preserve">        SC1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H, col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+cols_LH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H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LH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811D1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1(row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+rows_HL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HL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L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HL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471D0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1(row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+rows_HH, col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+cols_HH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H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HH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309B0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 = SC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1;</w:t>
      </w:r>
      <w:proofErr w:type="gramEnd"/>
    </w:p>
    <w:p w14:paraId="54B882C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idwt2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), ...</w:t>
      </w:r>
    </w:p>
    <w:p w14:paraId="457E1CA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 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H, col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+cols_LH), ...</w:t>
      </w:r>
    </w:p>
    <w:p w14:paraId="121F19E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 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+rows_HL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HL), ...</w:t>
      </w:r>
    </w:p>
    <w:p w14:paraId="4E3077F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 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+rows_HH, col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+cols_HH), 'db9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775DE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59531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lculate_ps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D53E5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= 36 || iteration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iterations</w:t>
      </w:r>
      <w:proofErr w:type="spellEnd"/>
    </w:p>
    <w:p w14:paraId="6AC6920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reak;</w:t>
      </w:r>
      <w:proofErr w:type="gramEnd"/>
    </w:p>
    <w:p w14:paraId="5EDC4C3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nd</w:t>
      </w:r>
    </w:p>
    <w:p w14:paraId="4464ACA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LL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3F5D6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LH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EE114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HL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18BB3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HH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D3D7B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7078F6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]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C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1528E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ic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C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CFE30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3844DEE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2824A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3012E14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58322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88330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51B0E0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9F604F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2A9E6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540BA13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35C0D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33882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3DFAA1F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53249FA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uint8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0DAD7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lse</w:t>
      </w:r>
    </w:p>
    <w:p w14:paraId="0AC4D2B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BD3EB6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4BFAA81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6A0FFDE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28C8EE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uint8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53747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4DA88BD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609C34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F960EA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8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4ABDFB6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8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7562A89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4EA5A3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D947E4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14BC178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E0157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45A4A4F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lastRenderedPageBreak/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5961A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055B2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85D1B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CA188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threshol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6C1C4A8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counts, values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st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:), uniqu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645E6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~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] = max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862B3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hreshold = value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34FE1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1B040CF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d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urrent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05727FC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maining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lt;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urrent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9CCE8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maining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5EAC1E0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d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urren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C09F97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lse</w:t>
      </w:r>
    </w:p>
    <w:p w14:paraId="75B355A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[counts, values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st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maining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:), uniqu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maining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E95C8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[~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] = max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8E984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d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value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75C14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7848B9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02EB44A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lc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ps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original, reconstructed)</w:t>
      </w:r>
    </w:p>
    <w:p w14:paraId="16B62BC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size(original) ~= size(reconstructed)</w:t>
      </w:r>
    </w:p>
    <w:p w14:paraId="65BAABC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reconstruct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econstructed, size(original), 'neare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5D593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2933B3D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an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original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:) -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constructed(:)).^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86654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10 * log10(255^2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s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E7C3B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34BE71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[encoded, counts]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ata)</w:t>
      </w:r>
    </w:p>
    <w:p w14:paraId="21EC821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ata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ouble(data(:)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0947A36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ymbols = unique(data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550B6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ata_mapp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rayfu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(@(x)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ymbols == x, 1), data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05A3257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unts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istc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ata_mapp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symbols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E219A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cod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arithen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ata_mapp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FF156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2EE5D6C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decod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426E7F5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d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arithde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counts, prod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190D8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ded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decod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70286F0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A380C8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ic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334463B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d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B3304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decoded, 1) / 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51410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decoded, 2) / 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39A7A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d(1:half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28E27FC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d(1:half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, halfCols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144CA66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V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5B97636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, halfCols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59CC440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idwt2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V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db9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92C57B" w14:textId="0C5B68F6" w:rsidR="009456D5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3980CAC0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2ECDA49C" w14:textId="77777777" w:rsidR="000C48EA" w:rsidRPr="00287599" w:rsidRDefault="000C48EA" w:rsidP="000C48EA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0A80451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)); ...</w:t>
      </w:r>
    </w:p>
    <w:p w14:paraId="75E68D0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8BDC01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7F8ED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   </w:t>
      </w:r>
    </w:p>
    <w:p w14:paraId="4298CA4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 xml:space="preserve">bandwidth_4G = 10 * 1024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7A956B7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5147EA3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F0950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92C41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5F7AE68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E9A57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3) == 3</w:t>
      </w:r>
    </w:p>
    <w:p w14:paraId="067DFF2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B2601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181D6C4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256, 256]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CEFD4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LL, LH, HL, HH] = dwt2(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'db9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D6D2A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C = zeros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LL)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L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5C05F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iteration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50;</w:t>
      </w:r>
      <w:proofErr w:type="gramEnd"/>
    </w:p>
    <w:p w14:paraId="7F5CCE0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teration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26580C4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while true</w:t>
      </w:r>
    </w:p>
    <w:p w14:paraId="1ADCBD4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teration = iteration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155A4A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99A6E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A4D3C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5CFD1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67257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(LL,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(LL,2)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L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LL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16121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(LH,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,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2)+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H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LH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C0C27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,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)+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(HL,2)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L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HL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F20FD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,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)+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,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2)+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H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HH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56DAF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idwt2(SC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(LL,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LL,2)), ...</w:t>
      </w:r>
    </w:p>
    <w:p w14:paraId="401AF51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             SC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(LH,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,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2)+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), ...</w:t>
      </w:r>
    </w:p>
    <w:p w14:paraId="653A735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 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,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)+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HL,2)), ...</w:t>
      </w:r>
    </w:p>
    <w:p w14:paraId="0E688D1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 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,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)+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,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2)+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), 'db9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FA01E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26C9A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lculate_ps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12553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= 36 || iteration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iterations</w:t>
      </w:r>
      <w:proofErr w:type="spellEnd"/>
    </w:p>
    <w:p w14:paraId="225B36F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reak;</w:t>
      </w:r>
      <w:proofErr w:type="gramEnd"/>
    </w:p>
    <w:p w14:paraId="2059108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nd</w:t>
      </w:r>
    </w:p>
    <w:p w14:paraId="13DBE09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LL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44AB2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LH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66888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HL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91687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HH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61252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10DBEC9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]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C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0F398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ic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C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1E315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8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78573C1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A8BFE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D7E04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75C312C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B51F9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A8A751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BBEAC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297BF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threshol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7285F07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counts, values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st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:), uniqu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66425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~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] = max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0B15D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hreshold = value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51889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7F2A8A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d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urrent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133D02A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maining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lt;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urrent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9BC7C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maining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414B70C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d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urren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632ACE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lse</w:t>
      </w:r>
    </w:p>
    <w:p w14:paraId="61200A9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[counts, values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st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maining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:), uniqu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maining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43E3B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[~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] = max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8352D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d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value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0E1C3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355DF5A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70A4CE1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lc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ps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original, reconstructed)</w:t>
      </w:r>
    </w:p>
    <w:p w14:paraId="7D82654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an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original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:) -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constructed(:)).^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75100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10 * log10(255^2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s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F4499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25B7DB0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[encoded, counts]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ata)</w:t>
      </w:r>
    </w:p>
    <w:p w14:paraId="195B809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ata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ouble(data(:)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6660751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ymbols = unique(data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7916E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ata_mapp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rayfu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(@(x)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ymbols == x, 1), data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4971499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unts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istc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ata_mapp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symbols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20978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cod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arithen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ata_mapp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62951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33FEC59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decod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4FEFD04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d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arithde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counts, prod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1729F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ded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decod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19B286B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70E79A2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ic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0011014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d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6A4B5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decoded, 1) / 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DA41C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decoded, 2) / 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1AFEC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d(1:half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41AC358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d(1:half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, halfCols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068EB98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V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2C70A4C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, halfCols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786DF7E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idwt2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V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db9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CC26B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0BF5432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5B1CC88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8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7A462C8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7126FB1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p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7F7B056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144B7B80" w14:textId="2D8B4A36" w:rsid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052F1C4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362BF98E" w14:textId="77777777" w:rsidR="000C48EA" w:rsidRDefault="000C48EA" w:rsidP="000C48EA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6BE2B09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clc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29E8AB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w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3C8F4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7951A04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B7EF64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BAA8A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time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E5FF7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5986536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3B0BF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3) == 3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; end</w:t>
      </w:r>
    </w:p>
    <w:p w14:paraId="214698E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ry</w:t>
      </w:r>
    </w:p>
    <w:p w14:paraId="2C64F37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37DE023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un_MICT_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08B35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77D571B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atch ME</w:t>
      </w:r>
    </w:p>
    <w:p w14:paraId="52775FA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['Error on image ', num2str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, ': ',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ME.message</w:t>
      </w:r>
      <w:proofErr w:type="spellEnd"/>
      <w:proofErr w:type="gramEnd"/>
      <w:r w:rsidRPr="000C48EA">
        <w:rPr>
          <w:rFonts w:ascii="Courier New" w:hAnsi="Courier New" w:cs="Courier New"/>
          <w:sz w:val="20"/>
          <w:szCs w:val="20"/>
        </w:rPr>
        <w:t>]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9D671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Na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9893DB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11082B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7172C6D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avg_tim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time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443B8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63AD237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mem_usage_M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0436F35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M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Compression Timing and Memory Benchmark:\n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20FE6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vg_tim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CDAEE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em_usage_MB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BBD82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un_MICT_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3D60B3F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256, 256]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E4524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36832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LL, LH, HL, HH] = dwt2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db9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5262E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L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L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AA36B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L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L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02577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H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H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E308B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H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H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D11D3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C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ows_L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s_H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L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s_LH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5A48D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iteration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50;</w:t>
      </w:r>
      <w:proofErr w:type="gramEnd"/>
    </w:p>
    <w:p w14:paraId="28A9C1C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teration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137C401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while true</w:t>
      </w:r>
    </w:p>
    <w:p w14:paraId="20B4A1A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teration = iteration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CAA6CF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223B4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L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48276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L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1D28E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HH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B741D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1 = zeros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C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65D51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1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L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LL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AC69C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1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H, col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+cols_LH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H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LH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621D3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1(row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+rows_HL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HL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L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HL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082D8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1(row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+rows_HH, col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+cols_HH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H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(HH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C7B71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C = SC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1;</w:t>
      </w:r>
      <w:proofErr w:type="gramEnd"/>
    </w:p>
    <w:p w14:paraId="03C7AA6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reconstructed = idwt2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), ...</w:t>
      </w:r>
    </w:p>
    <w:p w14:paraId="1DE1CC8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H, col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+cols_LH), ...</w:t>
      </w:r>
    </w:p>
    <w:p w14:paraId="7A6F071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_LL+rows_HL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HL), ...</w:t>
      </w:r>
    </w:p>
    <w:p w14:paraId="1070E1B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C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+rows_HH, cols_LL+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_LL+cols_HH), 'db9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8FFED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reconstruct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econstructed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2FBA3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lc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ps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reconstructed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07E0D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= 36 || iteration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iterations</w:t>
      </w:r>
      <w:proofErr w:type="spellEnd"/>
    </w:p>
    <w:p w14:paraId="5348900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reak;</w:t>
      </w:r>
      <w:proofErr w:type="gramEnd"/>
    </w:p>
    <w:p w14:paraId="21CA888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nd</w:t>
      </w:r>
    </w:p>
    <w:p w14:paraId="71E3918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LL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52F1F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LH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1A39D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HL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L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290EF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HH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H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31211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11CF084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]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C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7E84D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ic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counts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C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BAB9D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247769F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threshol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ind_initial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1429A0F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bs_coeff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ab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C111B5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orted_coeff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ort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abs_coeff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descend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51C85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op10percent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ou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0.1 * length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orted_coeff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80A51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 xml:space="preserve">    threshold =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orted_coeff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top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10percent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4A9FF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2E70E7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ew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revious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05228EE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lta = 0.05 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revious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9D0D2B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ew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ax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0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revious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delta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30830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0F20A25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alc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ps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original, reconstructed)</w:t>
      </w:r>
    </w:p>
    <w:p w14:paraId="720130A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an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original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:) -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constructed(:)).^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B5892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= 0</w:t>
      </w:r>
    </w:p>
    <w:p w14:paraId="795CA13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Inf;</w:t>
      </w:r>
      <w:proofErr w:type="gramEnd"/>
    </w:p>
    <w:p w14:paraId="71A1D6A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lse</w:t>
      </w:r>
    </w:p>
    <w:p w14:paraId="68B5BC6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pix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ax(original(:));</w:t>
      </w:r>
      <w:proofErr w:type="gramEnd"/>
    </w:p>
    <w:p w14:paraId="1F0AC57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snr_v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10 * log10(max_pixel^2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s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46499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5281D3C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9A6AD3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[encoded, counts]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matrix)</w:t>
      </w:r>
    </w:p>
    <w:p w14:paraId="6A4F359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ymbol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unique(matrix(:));</w:t>
      </w:r>
      <w:proofErr w:type="gramEnd"/>
    </w:p>
    <w:p w14:paraId="7BC71D2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unts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istc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matrix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:), symb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B5FEF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ymbol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ouble(symbols(:));</w:t>
      </w:r>
      <w:proofErr w:type="gramEnd"/>
    </w:p>
    <w:p w14:paraId="0104152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unt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ouble(counts(:));</w:t>
      </w:r>
      <w:proofErr w:type="gramEnd"/>
    </w:p>
    <w:p w14:paraId="14ABC8C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m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counts / sum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41D40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tream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atrix(:);</w:t>
      </w:r>
      <w:proofErr w:type="gramEnd"/>
    </w:p>
    <w:p w14:paraId="016F16A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cod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od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pm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tream, symb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C5A0B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41B233C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encod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od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pm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tream, symbols)</w:t>
      </w:r>
    </w:p>
    <w:p w14:paraId="6C78361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ymbol_map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containers.Map</w:t>
      </w:r>
      <w:proofErr w:type="spellEnd"/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(symbols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symbols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C045C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low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.0;</w:t>
      </w:r>
      <w:proofErr w:type="gramEnd"/>
    </w:p>
    <w:p w14:paraId="1D40F3E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high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.0;</w:t>
      </w:r>
      <w:proofErr w:type="gramEnd"/>
    </w:p>
    <w:p w14:paraId="5FD8AE6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stream)</w:t>
      </w:r>
    </w:p>
    <w:p w14:paraId="16A7204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ymbol_map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stream(k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8CFCA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cumulative = [0;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m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FC4B45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range = high -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;</w:t>
      </w:r>
      <w:proofErr w:type="gramEnd"/>
    </w:p>
    <w:p w14:paraId="484706C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high = low + range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umulativ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DC01B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low = low + range * cumulativ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39D7B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C1651D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coded = (low + high) /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4F4E796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1094252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reconstruct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ic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encoded, counts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ze_matri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1E6246F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ymbol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49975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m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counts / sum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3F0EF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e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prod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ze_matri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2DDBF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reconstruct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encod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m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symbols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en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5C827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reconstructed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reconstruct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ze_matri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0548F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6ECC5D9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stream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rithmetic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encod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m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symbols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e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312EE5A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umulative = [0;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m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F2D57A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low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.0;</w:t>
      </w:r>
      <w:proofErr w:type="gramEnd"/>
    </w:p>
    <w:p w14:paraId="398800D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high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.0;</w:t>
      </w:r>
      <w:proofErr w:type="gramEnd"/>
    </w:p>
    <w:p w14:paraId="31956FC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value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ncoded;</w:t>
      </w:r>
      <w:proofErr w:type="gramEnd"/>
    </w:p>
    <w:p w14:paraId="4CED20A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tream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le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0B2CF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len</w:t>
      </w:r>
      <w:proofErr w:type="gramEnd"/>
    </w:p>
    <w:p w14:paraId="07C9E33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range = high -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;</w:t>
      </w:r>
      <w:proofErr w:type="gramEnd"/>
    </w:p>
    <w:p w14:paraId="671D9D4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caled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(value - low) /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ange;</w:t>
      </w:r>
      <w:proofErr w:type="gramEnd"/>
    </w:p>
    <w:p w14:paraId="762680E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cumulative &l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caled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, 'last') -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E2C2A4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= 0</w:t>
      </w:r>
    </w:p>
    <w:p w14:paraId="3F5E080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567F86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nd</w:t>
      </w:r>
    </w:p>
    <w:p w14:paraId="50B034F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stream(k) = symbol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EBF8F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high = low + range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umulativ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BBC9E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low = low + range * cumulativ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3E053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5DB2F9F4" w14:textId="125A64A7" w:rsid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>end</w:t>
      </w:r>
    </w:p>
    <w:p w14:paraId="2097CE8E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5EB2C0EC" w14:textId="72BC8938" w:rsidR="000C48EA" w:rsidRDefault="000C48EA" w:rsidP="000C48EA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1.</w:t>
      </w:r>
      <w:r>
        <w:rPr>
          <w:b/>
          <w:bCs/>
          <w:sz w:val="24"/>
          <w:szCs w:val="24"/>
          <w:lang w:val="en-US"/>
        </w:rPr>
        <w:t xml:space="preserve">10 </w:t>
      </w:r>
      <w:r w:rsidRPr="000C48EA">
        <w:rPr>
          <w:b/>
          <w:bCs/>
          <w:sz w:val="24"/>
          <w:szCs w:val="24"/>
        </w:rPr>
        <w:t>Frequency Domain Decomposition</w:t>
      </w:r>
    </w:p>
    <w:p w14:paraId="0AA01852" w14:textId="77777777" w:rsidR="000C48EA" w:rsidRPr="0048038D" w:rsidRDefault="000C48EA" w:rsidP="000C48EA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p w14:paraId="15E79EB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)); ...</w:t>
      </w:r>
    </w:p>
    <w:p w14:paraId="71C0646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CD8139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754C6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6FFA65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89E0D0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267D90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4FDE6E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0B90852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4250594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7E7A5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3) == 3</w:t>
      </w:r>
    </w:p>
    <w:p w14:paraId="5227811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903F5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48DC0E8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3D273EC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dct2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9FD59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D213B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z_scann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igzag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c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94C2C9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shaped_d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z_scann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rows, c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57DC0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igh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shaped_d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256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579FAD7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ow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shaped_d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56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   </w:t>
      </w:r>
    </w:p>
    <w:p w14:paraId="23CF64C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igh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665B2F3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ow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  </w:t>
      </w:r>
    </w:p>
    <w:p w14:paraId="532F3EE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igh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568CE94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ow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  </w:t>
      </w:r>
    </w:p>
    <w:p w14:paraId="76DF107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, 2) ~= 0</w:t>
      </w:r>
    </w:p>
    <w:p w14:paraId="6687180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1, 0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B2390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1, 0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42DC5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row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0C002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5A6E860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cols, 2) ~= 0</w:t>
      </w:r>
    </w:p>
    <w:p w14:paraId="5D18745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0, 1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32FCA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0, 1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125E9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col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C49AB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5D70CEC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rows / 2), rows -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 /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BB96FC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c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2401E3B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mat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_siz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897C5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mat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_siz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74949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ub_imag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{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{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1,1}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{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2,1}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{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1,1}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{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2,1}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43751D2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EB3E5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C3C17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E2944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5F46A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eff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low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264D0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65257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high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5BE52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72101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DFE17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eff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AD8E13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eff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45500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oubl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1AF96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DF93F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3BCAD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idct2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w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E058D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05BE10A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92C51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49EFF9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62BED76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599A8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5E8AE5C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9E7D0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2F5F0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C5DF93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C2FADF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31D2E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E745FD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8D0A2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CC491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4A1D1B6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59AFFCC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lse</w:t>
      </w:r>
    </w:p>
    <w:p w14:paraId="4F8236E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51808A5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4B4715D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11D15A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3D52F0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347A7E6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A4F3C2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uint8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C4B4F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15F0BB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8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06508CB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s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326B1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84451A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FFDB29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32B8F77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F9607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05F5F0A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1EC8A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059F0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B2343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89308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function z = zigzag(matrix)</w:t>
      </w:r>
    </w:p>
    <w:p w14:paraId="6E180ED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rows, cols] = size(matrix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FD39B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z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 * cols,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9BCBD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ndex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FE6DC7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+ cols - 1</w:t>
      </w:r>
    </w:p>
    <w:p w14:paraId="06A42B9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 == 0</w:t>
      </w:r>
    </w:p>
    <w:p w14:paraId="632893B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 xml:space="preserve">            for x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26B7FA9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y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x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B148F1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if y &gt; 0 &amp;&amp; y &lt;= cols</w:t>
      </w:r>
    </w:p>
    <w:p w14:paraId="5EC3A18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z(index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atrix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18AF4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index = index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8082A1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end</w:t>
      </w:r>
    </w:p>
    <w:p w14:paraId="4C43167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44C1748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lse</w:t>
      </w:r>
    </w:p>
    <w:p w14:paraId="4C9F1ED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for y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0F6F6E8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x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y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0F123D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if x &gt; 0 &amp;&amp; x &lt;= rows</w:t>
      </w:r>
    </w:p>
    <w:p w14:paraId="7DF9ACC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z(index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atrix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67144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index = index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382DA7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end</w:t>
      </w:r>
    </w:p>
    <w:p w14:paraId="4E03D0E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03715D2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nd</w:t>
      </w:r>
    </w:p>
    <w:p w14:paraId="2F0F35A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7589052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249794B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ata)</w:t>
      </w:r>
    </w:p>
    <w:p w14:paraId="663016F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'temp_high_bits.png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DED618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writ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(uint8(data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C2B46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i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ope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r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8EEC9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mpress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fid, '*uint8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54183B2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clo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fid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A1DAC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1C53B49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de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compressed)</w:t>
      </w:r>
    </w:p>
    <w:p w14:paraId="52435DE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'temp_high_bits_decoded.png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7D75E2A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i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ope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w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84C69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writ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fid, compressed, 'uint8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36C318A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clo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fid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96507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2299676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7220BE9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ata)</w:t>
      </w:r>
    </w:p>
    <w:p w14:paraId="6D3CC7C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quantized_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ou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data / 4)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4;</w:t>
      </w:r>
      <w:proofErr w:type="gramEnd"/>
    </w:p>
    <w:p w14:paraId="4FC9E39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ymbols = uniqu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quantized_data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2D8CF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unts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istc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quantiz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:), symb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84FF5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probabilities = counts / sum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45C91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ymbols, probabilitie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40283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mpress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quantiz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: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53639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av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dict.ma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, 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, 'symbols', '-v7.3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1FF50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4507629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de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compress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475ED17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a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dict.ma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, 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959C9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mpress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compress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A4293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ecompressed) ~= prod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15CDE1D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Decompressed data size mismatch: Expected %d elements, got %d.', prod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ecompressed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5E048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2FE02F1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mpressed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decompress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2C25CB" w14:textId="467C72B5" w:rsid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8E944FB" w14:textId="77777777" w:rsidR="000C48EA" w:rsidRP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3FABD138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5DA3EDB9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5CD63F55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53B6FF64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2D8EA527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7697E44D" w14:textId="77777777" w:rsidR="000C48EA" w:rsidRPr="00287599" w:rsidRDefault="000C48EA" w:rsidP="000C48EA">
      <w:pPr>
        <w:rPr>
          <w:u w:val="single"/>
          <w:lang w:val="en-US"/>
        </w:rPr>
      </w:pPr>
      <w:r w:rsidRPr="0048038D">
        <w:rPr>
          <w:u w:val="single"/>
        </w:rPr>
        <w:lastRenderedPageBreak/>
        <w:t>Transmission Performance Evaluation</w:t>
      </w:r>
    </w:p>
    <w:p w14:paraId="65203C3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)); ...</w:t>
      </w:r>
    </w:p>
    <w:p w14:paraId="20B2772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992BC7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55B14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   </w:t>
      </w:r>
    </w:p>
    <w:p w14:paraId="2B7F78C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5448CDF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081289F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43D7F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C2108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compression_ratio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FFE78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662D90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2C9BF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3) == 3</w:t>
      </w:r>
    </w:p>
    <w:p w14:paraId="7F69067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29B6A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A502FB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4142F7E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dct2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2D989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437E6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z_scann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igzag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c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154C29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shaped_d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z_scann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rows, c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BA8CF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igh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shaped_d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256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1EBE1B9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ow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shaped_d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56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   </w:t>
      </w:r>
    </w:p>
    <w:p w14:paraId="7E36785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igh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0AB318F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ow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  </w:t>
      </w:r>
    </w:p>
    <w:p w14:paraId="13D2801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igh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0D88FEE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ow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  </w:t>
      </w:r>
    </w:p>
    <w:p w14:paraId="5BA8744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, 2) ~= 0</w:t>
      </w:r>
    </w:p>
    <w:p w14:paraId="6881D21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1, 0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6661D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1, 0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C4AE5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row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60A6F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FF1C1B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cols, 2) ~= 0</w:t>
      </w:r>
    </w:p>
    <w:p w14:paraId="48A0A87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0, 1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6B150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0, 1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1176F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col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0CE28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B5A385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rows / 2), rows -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 /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F314F4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c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1BA5A0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mat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_siz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1CFAE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mat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_siz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D2AF3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987A0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8EC02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6E6EE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A2ADB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eff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low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EE94E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D42D5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high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DBB23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5041B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F5041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eff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8AB73B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eff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8359F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oubl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1F702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1EB26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AF0DA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idct2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w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9AACF3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18DBBF2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411D0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7A03518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_M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 * 8 / (1024 * 1024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6C5CC7B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)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3E67BA5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size_M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(8 * 1024 * 1024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2C6447E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R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_M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siz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E26B6B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ion_ratio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R;</w:t>
      </w:r>
      <w:proofErr w:type="gramEnd"/>
    </w:p>
    <w:p w14:paraId="4E3C6FD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Image %d: Original Size: %.2f MB, Compressed Size: %.2f MB, CR: %.2f\n', ...</w:t>
      </w:r>
    </w:p>
    <w:p w14:paraId="7F9C1B8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_M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size_M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CR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D98E6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39808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03A25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2277B66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9D5C3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60E893A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758BC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7FC21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average_C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mean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ion_ratio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457E5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'Average Compression Ratio (CR): %.2f\n'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verage_CR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0C99D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0C7766F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5BB6B81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C270A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p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D68860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DEA2F0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4C1A144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function z = zigzag(matrix)</w:t>
      </w:r>
    </w:p>
    <w:p w14:paraId="1F87C1D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rows, cols] = size(matrix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23AF0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z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 * cols,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FF085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ndex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FEFFF8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+ cols - 1</w:t>
      </w:r>
    </w:p>
    <w:p w14:paraId="352A6C3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 == 0</w:t>
      </w:r>
    </w:p>
    <w:p w14:paraId="3785ED7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for x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27F3E19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y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x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223601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if y &gt; 0 &amp;&amp; y &lt;= cols</w:t>
      </w:r>
    </w:p>
    <w:p w14:paraId="322AF9B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z(index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atrix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BB091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index = index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358C43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end</w:t>
      </w:r>
    </w:p>
    <w:p w14:paraId="5F6C84C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12E26A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lse</w:t>
      </w:r>
    </w:p>
    <w:p w14:paraId="428E7BA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for y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6F2AE0C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x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y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AFF139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if x &gt; 0 &amp;&amp; x &lt;= rows</w:t>
      </w:r>
    </w:p>
    <w:p w14:paraId="069EFF6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z(index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atrix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B8650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index = index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907FB1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 xml:space="preserve">                end</w:t>
      </w:r>
    </w:p>
    <w:p w14:paraId="72382A0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FB1EAE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nd</w:t>
      </w:r>
    </w:p>
    <w:p w14:paraId="178D399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1FE847E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2D1C2DA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ata)</w:t>
      </w:r>
    </w:p>
    <w:p w14:paraId="2D1068B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'temp_high_bits.png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698DF06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writ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(uint8(data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4D451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i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ope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r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5F4AE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mpress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fid, '*uint8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62C8924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clo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fid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A1516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1EBD35A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de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compressed)</w:t>
      </w:r>
    </w:p>
    <w:p w14:paraId="5BBF77C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'temp_high_bits_decoded.png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B638ED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i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ope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w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6AF39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writ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fid, compressed, 'uint8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430FD7E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clo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fid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D9750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</w:t>
      </w:r>
    </w:p>
    <w:p w14:paraId="1E6C7B4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42C1D01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ata)</w:t>
      </w:r>
    </w:p>
    <w:p w14:paraId="2059143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quantized_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ou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data / 4)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4;</w:t>
      </w:r>
      <w:proofErr w:type="gramEnd"/>
    </w:p>
    <w:p w14:paraId="146A5B1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ymbols = uniqu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quantized_data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35C05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unts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istc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quantiz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:), symb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20F03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probabilities = counts / sum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AD798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ymbols, probabilitie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1C054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mpress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quantiz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: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049CC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av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dict.ma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, 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, 'symbols', '-v7.3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00ADC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6718944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de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compress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34FE06F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a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dict.ma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, 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5F20E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mpress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compress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7D331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ecompressed) ~= prod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5A1D49D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Decompressed data size mismatch: Expected %d elements, got %d.', prod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ecompressed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A703E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124D178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mpressed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decompress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988F73" w14:textId="328D27E8" w:rsid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D00ADE7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24CEE39B" w14:textId="77777777" w:rsidR="000C48EA" w:rsidRDefault="000C48EA" w:rsidP="000C48EA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1092686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clc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BBBF08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w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06BB2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2147117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E76394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804F5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time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7030F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6414543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try</w:t>
      </w:r>
    </w:p>
    <w:p w14:paraId="7AEEC66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3F094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3) == 3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; end</w:t>
      </w:r>
    </w:p>
    <w:p w14:paraId="4E53E64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03B6D4F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un_Frequency_Domain_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14DC0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7349B94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atch ME</w:t>
      </w:r>
    </w:p>
    <w:p w14:paraId="6E55D69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['Error on image ', num2str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, ': ',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ME.message</w:t>
      </w:r>
      <w:proofErr w:type="spellEnd"/>
      <w:proofErr w:type="gramEnd"/>
      <w:r w:rsidRPr="000C48EA">
        <w:rPr>
          <w:rFonts w:ascii="Courier New" w:hAnsi="Courier New" w:cs="Courier New"/>
          <w:sz w:val="20"/>
          <w:szCs w:val="20"/>
        </w:rPr>
        <w:t>]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16848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Na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0E6D38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624DF3E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>end</w:t>
      </w:r>
    </w:p>
    <w:p w14:paraId="6393BE1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avg_tim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time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F1316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0101389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0C48EA">
        <w:rPr>
          <w:rFonts w:ascii="Courier New" w:hAnsi="Courier New" w:cs="Courier New"/>
          <w:sz w:val="20"/>
          <w:szCs w:val="20"/>
        </w:rPr>
        <w:t>avg_mem_MB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26E4386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Frequency Domain Compression Timing and Memory Benchmark:\n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55329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vg_tim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83C34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avg_mem_MB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E693B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un_Frequency_Domain_compressio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20BE397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AFB28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dct2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6070C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D47C8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z_scann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igzag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c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5BBA443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shaped_d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z_scanne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rows, c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D912C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igh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shaped_d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/ 256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B3549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ow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shaped_d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56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C0B99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igh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5F9D7B9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ow_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379A917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high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FCA6A2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low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mask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35631C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, 2) ~= 0</w:t>
      </w:r>
    </w:p>
    <w:p w14:paraId="2CC1800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1, 0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5A793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1, 0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E934E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row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9F80C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5A1BF34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cols, 2) ~= 0</w:t>
      </w:r>
    </w:p>
    <w:p w14:paraId="7D50282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0, 1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225A8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[0, 1], 'po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F8DE8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cols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7D3B2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50523E4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rows / 2), rows -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 /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E2BE2B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[c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4A6484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mat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_siz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306B2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mat2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_size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_size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8B34B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ow_block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716AB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l_blocks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18482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94A6D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D108B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eff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low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48AF1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high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73132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high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B27F4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CABFC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bin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2B48F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eff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E9A531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eff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7277C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ouble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696EF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w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D2247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, 1),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ct_imag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CDA7F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idct2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ss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high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ecompressed_low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B0CA1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~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sequa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)</w:t>
      </w:r>
    </w:p>
    <w:p w14:paraId="3F46237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CB1B7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AE8930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175CFFE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lastRenderedPageBreak/>
        <w:t>function z = zigzag(matrix)</w:t>
      </w:r>
    </w:p>
    <w:p w14:paraId="65D24B7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[rows, cols] = size(matrix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A7320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z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rows * cols, 1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36DB1B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ndex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F808D3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 + cols - 1</w:t>
      </w:r>
    </w:p>
    <w:p w14:paraId="41B6AB8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od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2) == 0</w:t>
      </w:r>
    </w:p>
    <w:p w14:paraId="17E05D5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for x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1569F55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y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x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CF6454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if y &gt; 0 &amp;&amp; y &lt;= cols</w:t>
      </w:r>
    </w:p>
    <w:p w14:paraId="2ECB940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z(index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atrix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F97F1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index = index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88E87C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end</w:t>
      </w:r>
    </w:p>
    <w:p w14:paraId="1EFC9E8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5C59D5A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lse</w:t>
      </w:r>
    </w:p>
    <w:p w14:paraId="7D66BEE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for y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69B7D16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x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- y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BE962E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if x &gt; 0 &amp;&amp; x &lt;= rows</w:t>
      </w:r>
    </w:p>
    <w:p w14:paraId="5384869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z(index)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matrix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x, y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2B678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    index = index +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22F93B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    end</w:t>
      </w:r>
    </w:p>
    <w:p w14:paraId="7643908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190B6C5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end</w:t>
      </w:r>
    </w:p>
    <w:p w14:paraId="664867D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02C3ED2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316DF9C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ata)</w:t>
      </w:r>
    </w:p>
    <w:p w14:paraId="63138CB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'temp_jpegxl.png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00099E3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writ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(uint8(data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07B97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i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ope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r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62CC05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mpress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fid, '*uint8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39AF6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clo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fid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0A0284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670F597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de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jpeg_xl_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compressed)</w:t>
      </w:r>
    </w:p>
    <w:p w14:paraId="52E8306D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'temp_jpegxl_decoded.png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3096ABA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fi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open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, 'w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43E84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fwrit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fid, compressed, 'uint8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32D7F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fclos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fid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94E9D7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temp_fil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DBAA48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5D20697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en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ata)</w:t>
      </w:r>
    </w:p>
    <w:p w14:paraId="3F79F35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quantized_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oun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data / 4) *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4;</w:t>
      </w:r>
      <w:proofErr w:type="gramEnd"/>
    </w:p>
    <w:p w14:paraId="4479EC0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symbols = unique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quantized_data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61DAE9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unts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istc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quantiz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:), symbol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17DFD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probabilities = counts / sum(count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F3ABC6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symbols, probabilities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11B54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compress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0C48EA">
        <w:rPr>
          <w:rFonts w:ascii="Courier New" w:hAnsi="Courier New" w:cs="Courier New"/>
          <w:sz w:val="20"/>
          <w:szCs w:val="20"/>
        </w:rPr>
        <w:t>quantized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ata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:)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634ED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sav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dict.ma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, 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, 'symbols', '-v7.3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D53C5F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6B79B1F2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function decompressed =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compress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36AC7BEA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load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compress_net_dict.ma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, '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1A822C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mpressed = </w:t>
      </w:r>
      <w:proofErr w:type="spellStart"/>
      <w:proofErr w:type="gramStart"/>
      <w:r w:rsidRPr="000C48EA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compress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009460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(decompressed) ~= prod(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0C48EA">
        <w:rPr>
          <w:rFonts w:ascii="Courier New" w:hAnsi="Courier New" w:cs="Courier New"/>
          <w:sz w:val="20"/>
          <w:szCs w:val="20"/>
        </w:rPr>
        <w:t>)</w:t>
      </w:r>
    </w:p>
    <w:p w14:paraId="1748D7CE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>'Decompressed data size mismatch'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8BC4C3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end</w:t>
      </w:r>
    </w:p>
    <w:p w14:paraId="6D085F41" w14:textId="77777777" w:rsidR="000C48EA" w:rsidRP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 xml:space="preserve">    decompressed = </w:t>
      </w:r>
      <w:proofErr w:type="gramStart"/>
      <w:r w:rsidRPr="000C48EA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0C48EA">
        <w:rPr>
          <w:rFonts w:ascii="Courier New" w:hAnsi="Courier New" w:cs="Courier New"/>
          <w:sz w:val="20"/>
          <w:szCs w:val="20"/>
        </w:rPr>
        <w:t xml:space="preserve">decompressed, </w:t>
      </w:r>
      <w:proofErr w:type="spellStart"/>
      <w:r w:rsidRPr="000C48EA">
        <w:rPr>
          <w:rFonts w:ascii="Courier New" w:hAnsi="Courier New" w:cs="Courier New"/>
          <w:sz w:val="20"/>
          <w:szCs w:val="20"/>
        </w:rPr>
        <w:t>original_size</w:t>
      </w:r>
      <w:proofErr w:type="spellEnd"/>
      <w:proofErr w:type="gramStart"/>
      <w:r w:rsidRPr="000C48E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BA43FC" w14:textId="753B2876" w:rsidR="000C48EA" w:rsidRDefault="000C48EA" w:rsidP="000C48E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0C48EA">
        <w:rPr>
          <w:rFonts w:ascii="Courier New" w:hAnsi="Courier New" w:cs="Courier New"/>
          <w:sz w:val="20"/>
          <w:szCs w:val="20"/>
        </w:rPr>
        <w:t>end</w:t>
      </w:r>
    </w:p>
    <w:p w14:paraId="1CE518B7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28192220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75209DD1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3929F1C6" w14:textId="77777777" w:rsidR="000C48EA" w:rsidRDefault="000C48EA" w:rsidP="000C48EA">
      <w:pPr>
        <w:rPr>
          <w:rFonts w:ascii="Courier New" w:hAnsi="Courier New" w:cs="Courier New"/>
          <w:sz w:val="20"/>
          <w:szCs w:val="20"/>
        </w:rPr>
      </w:pPr>
    </w:p>
    <w:p w14:paraId="6474CD2C" w14:textId="59B9952B" w:rsidR="000C48EA" w:rsidRDefault="000C48EA" w:rsidP="000C48EA">
      <w:pPr>
        <w:rPr>
          <w:b/>
          <w:bCs/>
          <w:sz w:val="28"/>
          <w:szCs w:val="28"/>
        </w:rPr>
      </w:pPr>
      <w:r w:rsidRPr="00287599">
        <w:rPr>
          <w:b/>
          <w:bCs/>
          <w:sz w:val="28"/>
          <w:szCs w:val="28"/>
        </w:rPr>
        <w:lastRenderedPageBreak/>
        <w:t>Appendix A.</w:t>
      </w:r>
      <w:r>
        <w:rPr>
          <w:b/>
          <w:bCs/>
          <w:sz w:val="28"/>
          <w:szCs w:val="28"/>
        </w:rPr>
        <w:t>2</w:t>
      </w:r>
      <w:r w:rsidRPr="00287599">
        <w:rPr>
          <w:b/>
          <w:bCs/>
          <w:sz w:val="28"/>
          <w:szCs w:val="28"/>
        </w:rPr>
        <w:t xml:space="preserve">: </w:t>
      </w:r>
      <w:r w:rsidR="00970FF2">
        <w:rPr>
          <w:b/>
          <w:bCs/>
          <w:sz w:val="28"/>
          <w:szCs w:val="28"/>
        </w:rPr>
        <w:t>Unexplored</w:t>
      </w:r>
      <w:r w:rsidRPr="00287599">
        <w:rPr>
          <w:b/>
          <w:bCs/>
          <w:sz w:val="28"/>
          <w:szCs w:val="28"/>
        </w:rPr>
        <w:t xml:space="preserve"> Compression Techniques</w:t>
      </w:r>
    </w:p>
    <w:p w14:paraId="6FEFFCA7" w14:textId="73AD64B8" w:rsidR="000C48EA" w:rsidRDefault="000C48EA" w:rsidP="000C48EA">
      <w:pPr>
        <w:rPr>
          <w:b/>
          <w:bCs/>
          <w:sz w:val="24"/>
          <w:szCs w:val="24"/>
          <w:lang w:val="en-US"/>
        </w:rPr>
      </w:pPr>
      <w:r w:rsidRPr="00287599">
        <w:rPr>
          <w:b/>
          <w:bCs/>
          <w:sz w:val="24"/>
          <w:szCs w:val="24"/>
          <w:lang w:val="en-US"/>
        </w:rPr>
        <w:t>A.</w:t>
      </w:r>
      <w:r w:rsidR="00970FF2"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 xml:space="preserve">.1 </w:t>
      </w:r>
      <w:r w:rsidR="00970FF2" w:rsidRPr="00970FF2">
        <w:rPr>
          <w:b/>
          <w:bCs/>
          <w:sz w:val="24"/>
          <w:szCs w:val="24"/>
        </w:rPr>
        <w:t>Modified Singular Value Decomposition (MSVD)</w:t>
      </w:r>
    </w:p>
    <w:p w14:paraId="64BC938B" w14:textId="77777777" w:rsidR="000C48EA" w:rsidRPr="0048038D" w:rsidRDefault="000C48EA" w:rsidP="000C48EA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p w14:paraId="470571DC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70FF2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')); ...</w:t>
      </w:r>
    </w:p>
    <w:p w14:paraId="36EDD1A6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]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</w:t>
      </w:r>
    </w:p>
    <w:p w14:paraId="5C90A724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70FF2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69081D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70FF2">
        <w:rPr>
          <w:rFonts w:ascii="Courier New" w:hAnsi="Courier New" w:cs="Courier New"/>
          <w:sz w:val="20"/>
          <w:szCs w:val="20"/>
        </w:rPr>
        <w:t>pixel_resolut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72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3C6919ED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70FF2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25.4 /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resolut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27146753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>results_msvd_k10 = [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]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</w:t>
      </w:r>
    </w:p>
    <w:p w14:paraId="54CCA6E7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70FF2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64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4A2BDE42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rank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10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     </w:t>
      </w:r>
    </w:p>
    <w:p w14:paraId="0FFA6ADD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4E24E72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E81AB2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, 3) == 3</w:t>
      </w:r>
    </w:p>
    <w:p w14:paraId="0B54E9BF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</w:t>
      </w:r>
    </w:p>
    <w:p w14:paraId="5397F803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end</w:t>
      </w:r>
    </w:p>
    <w:p w14:paraId="08126AB4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94262D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rows /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rows;</w:t>
      </w:r>
      <w:proofErr w:type="gramEnd"/>
    </w:p>
    <w:p w14:paraId="5F895B52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cols /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cols;</w:t>
      </w:r>
      <w:proofErr w:type="gramEnd"/>
    </w:p>
    <w:p w14:paraId="338143DD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, [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], 'replicate', 'post'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153E6B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084D23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0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</w:t>
      </w:r>
    </w:p>
    <w:p w14:paraId="04840F63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: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, 1)</w:t>
      </w:r>
    </w:p>
    <w:p w14:paraId="594EF582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: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, 2)</w:t>
      </w:r>
    </w:p>
    <w:p w14:paraId="452D68AF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j:j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15EBAB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[U, S, V]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v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double(block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FF071E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max_rank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min(size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U, 2), rank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</w:t>
      </w:r>
    </w:p>
    <w:p w14:paraId="13C0D774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Uk = U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(:,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1:max_rank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16308A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k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S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1:max_rank, 1:max_rank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510F33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Vk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V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(:,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1:max_rank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C0F509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Uk) + </w:t>
      </w: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Sk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Vk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854E7C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block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Uk *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k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Vk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3420BA52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j:j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+blockSize-1)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block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698BC5F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end</w:t>
      </w:r>
    </w:p>
    <w:p w14:paraId="0C7F6786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end</w:t>
      </w:r>
    </w:p>
    <w:p w14:paraId="0EB33F72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img_croppe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1:rows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1:cols);</w:t>
      </w:r>
      <w:proofErr w:type="gramEnd"/>
    </w:p>
    <w:p w14:paraId="0D95C1FF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8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</w:t>
      </w:r>
    </w:p>
    <w:p w14:paraId="45401559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</w:t>
      </w:r>
    </w:p>
    <w:p w14:paraId="467FDCA3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sim_v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alculate_compression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metric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img_cropped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4022DF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61868DB1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results_msvd_k10 = [results_msvd_k10;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sim_v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r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1F6A07D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6D777F13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sim_v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r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52E76E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>end</w:t>
      </w:r>
    </w:p>
    <w:p w14:paraId="3385242E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'Average FWHM: %.2f mm\n', mean(results_msvd_k10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(:,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2)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C9BB8D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'Average CNR: %.2f\n', mean(results_msvd_k10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(:,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3)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2CC498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'Average SSIM: %.2f\n', mean(results_msvd_k10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(:,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4)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7EFA27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'Average CR: %.2f\n', mean(results_msvd_k10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(:,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>5)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4F5242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diary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off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7B136844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lastRenderedPageBreak/>
        <w:t>function [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sim_v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alculate_compression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metrics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original_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)</w:t>
      </w:r>
    </w:p>
    <w:p w14:paraId="3294050C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:)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</w:t>
      </w:r>
    </w:p>
    <w:p w14:paraId="73925913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702530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794F82DE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5C7615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2AF226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fwhm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left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29872A6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original_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)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</w:t>
      </w:r>
    </w:p>
    <w:p w14:paraId="1D7311CA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627E30CC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1E22E7B7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3C2016A5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)</w:t>
      </w:r>
    </w:p>
    <w:p w14:paraId="36119680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5BC78F2E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sim_v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70FF2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11CCBA05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76091147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end</w:t>
      </w:r>
    </w:p>
    <w:p w14:paraId="54E8CB3A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01C9426C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2105CE40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td_sign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76C63CC0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970FF2">
        <w:rPr>
          <w:rFonts w:ascii="Courier New" w:hAnsi="Courier New" w:cs="Courier New"/>
          <w:sz w:val="20"/>
          <w:szCs w:val="20"/>
        </w:rPr>
        <w:t xml:space="preserve">  </w:t>
      </w:r>
    </w:p>
    <w:p w14:paraId="2E1577E1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970FF2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970FF2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8A4BC66" w14:textId="77777777" w:rsidR="00970FF2" w:rsidRPr="00970FF2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sim_val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970FF2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70FF2">
        <w:rPr>
          <w:rFonts w:ascii="Courier New" w:hAnsi="Courier New" w:cs="Courier New"/>
          <w:sz w:val="20"/>
          <w:szCs w:val="20"/>
        </w:rPr>
        <w:t>original_img</w:t>
      </w:r>
      <w:proofErr w:type="spellEnd"/>
      <w:proofErr w:type="gramStart"/>
      <w:r w:rsidRPr="00970FF2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F0E457" w14:textId="32DC375F" w:rsidR="000C48EA" w:rsidRDefault="00970FF2" w:rsidP="00970FF2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70FF2">
        <w:rPr>
          <w:rFonts w:ascii="Courier New" w:hAnsi="Courier New" w:cs="Courier New"/>
          <w:sz w:val="20"/>
          <w:szCs w:val="20"/>
        </w:rPr>
        <w:t>end</w:t>
      </w:r>
    </w:p>
    <w:p w14:paraId="349ED893" w14:textId="77777777" w:rsidR="0072334A" w:rsidRDefault="0072334A" w:rsidP="0072334A">
      <w:pPr>
        <w:rPr>
          <w:rFonts w:ascii="Courier New" w:hAnsi="Courier New" w:cs="Courier New"/>
          <w:sz w:val="20"/>
          <w:szCs w:val="20"/>
        </w:rPr>
      </w:pPr>
    </w:p>
    <w:p w14:paraId="69EC73C5" w14:textId="77777777" w:rsidR="0072334A" w:rsidRPr="00287599" w:rsidRDefault="0072334A" w:rsidP="0072334A">
      <w:pPr>
        <w:rPr>
          <w:u w:val="single"/>
          <w:lang w:val="en-US"/>
        </w:rPr>
      </w:pPr>
      <w:bookmarkStart w:id="15" w:name="_Hlk198955799"/>
      <w:r w:rsidRPr="0048038D">
        <w:rPr>
          <w:u w:val="single"/>
        </w:rPr>
        <w:t>Transmission Performance Evaluation</w:t>
      </w:r>
    </w:p>
    <w:bookmarkEnd w:id="15"/>
    <w:p w14:paraId="580A7D0A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')); ...</w:t>
      </w:r>
    </w:p>
    <w:p w14:paraId="256BCC11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33805D14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7F84E2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  </w:t>
      </w:r>
    </w:p>
    <w:p w14:paraId="5D19A9EB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3C9871B7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3F4F4F0D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9869D5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20EE7D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64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546A10A5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rank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0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     </w:t>
      </w:r>
    </w:p>
    <w:p w14:paraId="040D5E9D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0FF36A41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400274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3) == 3</w:t>
      </w:r>
    </w:p>
    <w:p w14:paraId="1AAAD085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260E3085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09682C9F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847C1E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rows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rows;</w:t>
      </w:r>
      <w:proofErr w:type="gramEnd"/>
    </w:p>
    <w:p w14:paraId="019A791F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cols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ols;</w:t>
      </w:r>
      <w:proofErr w:type="gramEnd"/>
    </w:p>
    <w:p w14:paraId="1E25553C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], 'replicate', 'post'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439067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0787D6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0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4BF2F8B7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: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1)</w:t>
      </w:r>
    </w:p>
    <w:p w14:paraId="433C7014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: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2)</w:t>
      </w:r>
    </w:p>
    <w:p w14:paraId="00A482D1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3B2D58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[U, S, V]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v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double(block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476341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lastRenderedPageBreak/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x_ran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in(size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U, 2), rank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14B7BB90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Uk = U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(:,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1:max_rank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A33C08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1:max_rank, 1:max_rank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42EC00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V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V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(:,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1:max_rank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64A7D3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(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Uk) +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S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V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)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66870BD0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Uk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Vk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65DD134F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)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D3ABB5A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01325CFE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042621F7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_cropp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1:rows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cols);</w:t>
      </w:r>
      <w:proofErr w:type="gramEnd"/>
    </w:p>
    <w:p w14:paraId="45F1C238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8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66B4BA3D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599339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71BC1D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5F4A662C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3E8452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2D670B91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3381FB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0E5EE4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365B091A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8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5D78EDBB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0344FD1F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bp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08AF4E1B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5E1BC1F3" w14:textId="48540BFF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5B5D0A38" w14:textId="77777777" w:rsidR="0072334A" w:rsidRDefault="0072334A">
      <w:pPr>
        <w:rPr>
          <w:rFonts w:ascii="Courier New" w:hAnsi="Courier New" w:cs="Courier New"/>
          <w:sz w:val="20"/>
          <w:szCs w:val="20"/>
        </w:rPr>
      </w:pPr>
    </w:p>
    <w:p w14:paraId="5CA095E5" w14:textId="77777777" w:rsidR="0072334A" w:rsidRDefault="0072334A" w:rsidP="0072334A">
      <w:pPr>
        <w:rPr>
          <w:u w:val="single"/>
        </w:rPr>
      </w:pPr>
      <w:bookmarkStart w:id="16" w:name="_Hlk198955871"/>
      <w:r w:rsidRPr="00287599">
        <w:rPr>
          <w:u w:val="single"/>
        </w:rPr>
        <w:t>Timing and Memory Profiling</w:t>
      </w:r>
    </w:p>
    <w:bookmarkEnd w:id="16"/>
    <w:p w14:paraId="314A83B1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lc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2AAD919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w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57459C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12164DFD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CBA8DFE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E63420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times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6A63FF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64;</w:t>
      </w:r>
      <w:proofErr w:type="gramEnd"/>
    </w:p>
    <w:p w14:paraId="318B2C91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rank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0;</w:t>
      </w:r>
      <w:proofErr w:type="gramEnd"/>
    </w:p>
    <w:p w14:paraId="433984FA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0AF3D8B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D8C55B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3) == 3</w:t>
      </w:r>
    </w:p>
    <w:p w14:paraId="7017EEF3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36D7A3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0FFB6FB2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F8AD39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rows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rows;</w:t>
      </w:r>
      <w:proofErr w:type="gramEnd"/>
    </w:p>
    <w:p w14:paraId="4E1A27F7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cols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ols;</w:t>
      </w:r>
      <w:proofErr w:type="gramEnd"/>
    </w:p>
    <w:p w14:paraId="5C7C1AC7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], 'replicate', 'post'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1C1B49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4F94EF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151197BA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: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1)</w:t>
      </w:r>
    </w:p>
    <w:p w14:paraId="5EF67AA2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: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2)</w:t>
      </w:r>
    </w:p>
    <w:p w14:paraId="30CB7E4E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Padde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+blockSize-1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B94DEE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[U, S, V]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v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block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EF63E7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lastRenderedPageBreak/>
        <w:t xml:space="preserve">            k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rank, size(U,2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D8507D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Uk = U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(:,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k);</w:t>
      </w:r>
      <w:proofErr w:type="gramEnd"/>
    </w:p>
    <w:p w14:paraId="1B948E66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(1:k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k);</w:t>
      </w:r>
      <w:proofErr w:type="gramEnd"/>
    </w:p>
    <w:p w14:paraId="2D27A15E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V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V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(:,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k);</w:t>
      </w:r>
      <w:proofErr w:type="gramEnd"/>
    </w:p>
    <w:p w14:paraId="64666378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Uk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Vk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4702E802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)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58B6067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5EFE3ACA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5A223C63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times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6E73761B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5E86E956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exec_tim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mean(times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B26813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6F4F86F4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58F927C4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\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MSV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Compression Timing Benchmark:\n'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775E0C" w14:textId="77777777" w:rsidR="0072334A" w:rsidRP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exec_tim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B5EF0D" w14:textId="235FD604" w:rsidR="0072334A" w:rsidRDefault="0072334A" w:rsidP="0072334A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m_usag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F97E48" w14:textId="77777777" w:rsidR="0072334A" w:rsidRPr="0072334A" w:rsidRDefault="0072334A" w:rsidP="0072334A">
      <w:pPr>
        <w:rPr>
          <w:rFonts w:ascii="Courier New" w:hAnsi="Courier New" w:cs="Courier New"/>
          <w:sz w:val="20"/>
          <w:szCs w:val="20"/>
        </w:rPr>
      </w:pPr>
    </w:p>
    <w:p w14:paraId="59DE8E7C" w14:textId="6E0A23A0" w:rsidR="0072334A" w:rsidRDefault="0072334A" w:rsidP="0072334A">
      <w:pPr>
        <w:rPr>
          <w:b/>
          <w:bCs/>
          <w:sz w:val="24"/>
          <w:szCs w:val="24"/>
          <w:lang w:val="en-US"/>
        </w:rPr>
      </w:pPr>
      <w:r w:rsidRPr="00287599">
        <w:rPr>
          <w:b/>
          <w:bCs/>
          <w:sz w:val="24"/>
          <w:szCs w:val="24"/>
          <w:lang w:val="en-US"/>
        </w:rPr>
        <w:t>A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>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 xml:space="preserve"> </w:t>
      </w:r>
      <w:r w:rsidRPr="0072334A">
        <w:rPr>
          <w:b/>
          <w:bCs/>
          <w:sz w:val="24"/>
          <w:szCs w:val="24"/>
        </w:rPr>
        <w:t>Modified Fast Fractal Image Compression (MFFI)</w:t>
      </w:r>
    </w:p>
    <w:p w14:paraId="4A0D0B68" w14:textId="77777777" w:rsidR="0072334A" w:rsidRPr="0048038D" w:rsidRDefault="0072334A" w:rsidP="0072334A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p w14:paraId="1AE0B8E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')); ...</w:t>
      </w:r>
    </w:p>
    <w:p w14:paraId="3A23241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712CE8A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62E5A45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EDE391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E418DA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3E55A5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0C7F82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0.3528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2286BDC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62ACF6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62D1D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3) == 3</w:t>
      </w:r>
    </w:p>
    <w:p w14:paraId="111A27B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33733B5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66B7CBC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6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3412397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overlap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4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  </w:t>
      </w:r>
    </w:p>
    <w:p w14:paraId="3A3424D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reate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7D76EB7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ractalCompress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5633B1A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:)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183459D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669F9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1B041BB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07A85BD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60D7A2C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left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4B8C0F5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whm_pixel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736850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1995AD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533FD8E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53700E9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0CECDBC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75B80CC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30CE091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n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0;%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If no valid data for either region, return default values to avoid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a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6B3F0A5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6C7BE59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lse</w:t>
      </w:r>
    </w:p>
    <w:p w14:paraId="6824EC1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6B81F46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738A59F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td_signa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1DAAB32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</w:t>
      </w:r>
    </w:p>
    <w:p w14:paraId="38A77ED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n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CBAB7C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284E4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0F504B4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66550F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7E0E47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8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19A9419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~= 0))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8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0D45CC3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49B93B9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22F09B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419545E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n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A7187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23616E0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C61D1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56D77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93ED0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F923B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reate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image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)</w:t>
      </w:r>
    </w:p>
    <w:p w14:paraId="61DC458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[rows, cols] = size(image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6507C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step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overlap;</w:t>
      </w:r>
      <w:proofErr w:type="gramEnd"/>
    </w:p>
    <w:p w14:paraId="70E8BAD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{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2B5541A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row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00C51C5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col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24DDA3B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{end+1}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age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DEFA2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362F788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562ED63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5DDCBE4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ractalCompress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)</w:t>
      </w:r>
    </w:p>
    <w:p w14:paraId="787D139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64971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step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overlap;</w:t>
      </w:r>
      <w:proofErr w:type="gramEnd"/>
    </w:p>
    <w:p w14:paraId="3B05191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A1133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row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376B598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col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2C57935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BC935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ind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6DAB4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[S, O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alculateAffineTransformat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4FA1F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) = S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O;</w:t>
      </w:r>
      <w:proofErr w:type="gramEnd"/>
    </w:p>
    <w:p w14:paraId="3F06954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7A99458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650DB84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5A63E42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ind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4534438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101F1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in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nf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6286596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72185C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-1;</w:t>
      </w:r>
      <w:proofErr w:type="gramEnd"/>
    </w:p>
    <w:p w14:paraId="3C16577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4027770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{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}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0F3EB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norm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ro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'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74E591C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&lt;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inDist</w:t>
      </w:r>
      <w:proofErr w:type="spellEnd"/>
    </w:p>
    <w:p w14:paraId="26173C7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in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47776B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lastRenderedPageBreak/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6127AB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DFA7A5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2D34873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53333AF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6F6AF41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[S, O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alculateAffineTransformat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7523240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602AA66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5F3F2A6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S = 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/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td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54B12A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O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S *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7C5C9E1" w14:textId="4001F40A" w:rsid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0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45207DE4" w14:textId="77777777" w:rsidR="0072334A" w:rsidRDefault="0072334A" w:rsidP="0072334A">
      <w:pPr>
        <w:rPr>
          <w:rFonts w:ascii="Courier New" w:hAnsi="Courier New" w:cs="Courier New"/>
          <w:sz w:val="20"/>
          <w:szCs w:val="20"/>
        </w:rPr>
      </w:pPr>
    </w:p>
    <w:p w14:paraId="2E89AB60" w14:textId="77777777" w:rsidR="0072334A" w:rsidRPr="00287599" w:rsidRDefault="0072334A" w:rsidP="0072334A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3198B55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')); ...</w:t>
      </w:r>
    </w:p>
    <w:p w14:paraId="4A70857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59BD2A6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109B2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  </w:t>
      </w:r>
    </w:p>
    <w:p w14:paraId="1D1C993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6D2F4E8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4AE3EEE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4FE7C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7CC14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E0F627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402B8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3) == 3</w:t>
      </w:r>
    </w:p>
    <w:p w14:paraId="6BD2561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7F3CD8B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5C51C45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6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47E6D0F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overlap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4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   </w:t>
      </w:r>
    </w:p>
    <w:p w14:paraId="7CEB81D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reate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71E248A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ractalCompress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0A76F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find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~= 0))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8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5982365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6BC7A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D72AE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4195ED0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B240B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64688D6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05B71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4D747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7E7A299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8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2F9B35D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706D4FC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bp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2C9B250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56E7F77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1C0DC1D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reate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image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)</w:t>
      </w:r>
    </w:p>
    <w:p w14:paraId="56D10EC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[rows, cols] = size(image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307CF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step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overlap;</w:t>
      </w:r>
      <w:proofErr w:type="gramEnd"/>
    </w:p>
    <w:p w14:paraId="38373B6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{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39EE4A7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lastRenderedPageBreak/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row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05AC6B1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col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4295F8D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{end+1}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age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796BD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632ACF0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7C54202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4263046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ractalCompress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)</w:t>
      </w:r>
    </w:p>
    <w:p w14:paraId="6BAD147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F7481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step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overlap;</w:t>
      </w:r>
      <w:proofErr w:type="gramEnd"/>
    </w:p>
    <w:p w14:paraId="4E96589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D0E9A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row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01A074E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col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03B07AB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5F661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ind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DC4F8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[S, O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alculateAffineTransformat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E3364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) = S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O;</w:t>
      </w:r>
      <w:proofErr w:type="gramEnd"/>
    </w:p>
    <w:p w14:paraId="57A5662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7F4CE0D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4359E5C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6ACFF48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ind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46E5C47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AE5A1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in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nf;</w:t>
      </w:r>
      <w:proofErr w:type="gramEnd"/>
    </w:p>
    <w:p w14:paraId="76C3679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16B000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-1;</w:t>
      </w:r>
      <w:proofErr w:type="gramEnd"/>
    </w:p>
    <w:p w14:paraId="40ECC81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56C5C38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{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}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EAADF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norm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ro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'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</w:t>
      </w:r>
    </w:p>
    <w:p w14:paraId="7521B99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&lt;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inDist</w:t>
      </w:r>
      <w:proofErr w:type="spellEnd"/>
    </w:p>
    <w:p w14:paraId="29D9F1A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in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9179F9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A52C94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500D66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2C2E01F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7C0D29D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200A9B7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[S, O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alculateAffineTransformat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51FAB1A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97DCE2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A596A8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S = 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/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td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2358B32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O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S *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BF1670A" w14:textId="1CDCDD05" w:rsid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7DB13B0C" w14:textId="77777777" w:rsidR="0072334A" w:rsidRDefault="0072334A" w:rsidP="0072334A">
      <w:pPr>
        <w:rPr>
          <w:rFonts w:ascii="Courier New" w:hAnsi="Courier New" w:cs="Courier New"/>
          <w:sz w:val="20"/>
          <w:szCs w:val="20"/>
        </w:rPr>
      </w:pPr>
    </w:p>
    <w:p w14:paraId="0E0EC6D9" w14:textId="77777777" w:rsidR="0072334A" w:rsidRDefault="0072334A" w:rsidP="0072334A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07BCF06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lc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65E5BB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w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F0F78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'\\stafffiles.win.canberra.edu.au\\homes$\\s443807\\My Documents\\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\\10 images\\Images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63541E7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pn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D21150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in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30223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times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9DFAD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6;</w:t>
      </w:r>
      <w:proofErr w:type="gramEnd"/>
    </w:p>
    <w:p w14:paraId="25ADCA6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overlap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4;</w:t>
      </w:r>
      <w:proofErr w:type="gramEnd"/>
    </w:p>
    <w:p w14:paraId="173B7ED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607E676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52D8E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3) == 3</w:t>
      </w:r>
    </w:p>
    <w:p w14:paraId="4158E08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A977A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lastRenderedPageBreak/>
        <w:t xml:space="preserve">    end</w:t>
      </w:r>
    </w:p>
    <w:p w14:paraId="455F08E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try</w:t>
      </w:r>
    </w:p>
    <w:p w14:paraId="69E515E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148526A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reate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291E0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ractalCompress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70C27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5FE1084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catch ME</w:t>
      </w:r>
    </w:p>
    <w:p w14:paraId="570661E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['Error processing image ', num2str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, ': ',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ME.message</w:t>
      </w:r>
      <w:proofErr w:type="spellEnd"/>
      <w:proofErr w:type="gramEnd"/>
      <w:r w:rsidRPr="0072334A">
        <w:rPr>
          <w:rFonts w:ascii="Courier New" w:hAnsi="Courier New" w:cs="Courier New"/>
          <w:sz w:val="20"/>
          <w:szCs w:val="20"/>
        </w:rPr>
        <w:t>]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E7C9C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times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d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Na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9344A0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0608E8F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1EDE910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avg_tim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times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6E2A4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2C57FDB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72334A">
        <w:rPr>
          <w:rFonts w:ascii="Courier New" w:hAnsi="Courier New" w:cs="Courier New"/>
          <w:sz w:val="20"/>
          <w:szCs w:val="20"/>
        </w:rPr>
        <w:t>avg_mem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46AD4A3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'MFFI Compression Timing and Memory Benchmark:\n'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05200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avg_time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AABD0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avg_mem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21B0F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reate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image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)</w:t>
      </w:r>
    </w:p>
    <w:p w14:paraId="108FFF9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[rows, cols] = size(image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4C9B9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step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overlap;</w:t>
      </w:r>
      <w:proofErr w:type="gramEnd"/>
    </w:p>
    <w:p w14:paraId="38FAE7D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{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0C9D359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row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061DBFD2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col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3E54863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{end+1}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age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AE159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7080313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00ED6E5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2FADD0C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ractalCompress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overlap)</w:t>
      </w:r>
    </w:p>
    <w:p w14:paraId="3A3004D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37870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step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overlap;</w:t>
      </w:r>
      <w:proofErr w:type="gramEnd"/>
    </w:p>
    <w:p w14:paraId="70453AD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EF35A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row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35E92E2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step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:cols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1</w:t>
      </w:r>
    </w:p>
    <w:p w14:paraId="4D9BEDF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04591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~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ind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D9E08E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[S, O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alculateAffineTransformat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88795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mg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i:i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j:j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 xml:space="preserve">+blockSize-1) = S *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O;</w:t>
      </w:r>
      <w:proofErr w:type="gramEnd"/>
    </w:p>
    <w:p w14:paraId="6EA3923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142DF844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429A14E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2C20D7B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find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030002E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7C7B6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in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Inf;</w:t>
      </w:r>
      <w:proofErr w:type="gramEnd"/>
    </w:p>
    <w:p w14:paraId="6C97520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43289B9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-1;</w:t>
      </w:r>
      <w:proofErr w:type="gramEnd"/>
    </w:p>
    <w:p w14:paraId="21DA341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4B0CD41B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s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{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}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31FEC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norm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fro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'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07F28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&lt;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inDist</w:t>
      </w:r>
      <w:proofErr w:type="spellEnd"/>
    </w:p>
    <w:p w14:paraId="56EF336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in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ist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192D506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Match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903174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i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6A0DF4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end</w:t>
      </w:r>
    </w:p>
    <w:p w14:paraId="54A36503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1B670E5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5B9DE8CF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function [S, O] =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calculateAffineTransformatio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)</w:t>
      </w:r>
    </w:p>
    <w:p w14:paraId="53F938CC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range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B04BDA8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FEC9DD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td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std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domainBlock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536F0EDA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std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== 0</w:t>
      </w:r>
    </w:p>
    <w:p w14:paraId="66999650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S = </w:t>
      </w:r>
      <w:proofErr w:type="gramStart"/>
      <w:r w:rsidRPr="0072334A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D286217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O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147DCD5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lse</w:t>
      </w:r>
    </w:p>
    <w:p w14:paraId="3CEF8E0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S = (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std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D277FCD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    O = </w:t>
      </w:r>
      <w:proofErr w:type="spellStart"/>
      <w:r w:rsidRPr="0072334A">
        <w:rPr>
          <w:rFonts w:ascii="Courier New" w:hAnsi="Courier New" w:cs="Courier New"/>
          <w:sz w:val="20"/>
          <w:szCs w:val="20"/>
        </w:rPr>
        <w:t>meanRange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 xml:space="preserve"> - S * </w:t>
      </w:r>
      <w:proofErr w:type="spellStart"/>
      <w:proofErr w:type="gramStart"/>
      <w:r w:rsidRPr="0072334A">
        <w:rPr>
          <w:rFonts w:ascii="Courier New" w:hAnsi="Courier New" w:cs="Courier New"/>
          <w:sz w:val="20"/>
          <w:szCs w:val="20"/>
        </w:rPr>
        <w:t>meanDomain</w:t>
      </w:r>
      <w:proofErr w:type="spellEnd"/>
      <w:r w:rsidRPr="0072334A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F5EACB1" w14:textId="77777777" w:rsidR="0072334A" w:rsidRP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 xml:space="preserve">    end</w:t>
      </w:r>
    </w:p>
    <w:p w14:paraId="30EDE4B6" w14:textId="6E13FE9B" w:rsidR="0072334A" w:rsidRDefault="0072334A" w:rsidP="0072334A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72334A">
        <w:rPr>
          <w:rFonts w:ascii="Courier New" w:hAnsi="Courier New" w:cs="Courier New"/>
          <w:sz w:val="20"/>
          <w:szCs w:val="20"/>
        </w:rPr>
        <w:t>end</w:t>
      </w:r>
    </w:p>
    <w:p w14:paraId="13D33058" w14:textId="77777777" w:rsidR="0072334A" w:rsidRDefault="0072334A" w:rsidP="0072334A">
      <w:pPr>
        <w:rPr>
          <w:rFonts w:ascii="Courier New" w:hAnsi="Courier New" w:cs="Courier New"/>
          <w:sz w:val="20"/>
          <w:szCs w:val="20"/>
        </w:rPr>
      </w:pPr>
    </w:p>
    <w:p w14:paraId="1683012C" w14:textId="297FE2D5" w:rsidR="0072334A" w:rsidRDefault="0072334A" w:rsidP="0072334A">
      <w:pPr>
        <w:rPr>
          <w:b/>
          <w:bCs/>
          <w:sz w:val="24"/>
          <w:szCs w:val="24"/>
          <w:lang w:val="en-US"/>
        </w:rPr>
      </w:pPr>
      <w:r w:rsidRPr="00287599">
        <w:rPr>
          <w:b/>
          <w:bCs/>
          <w:sz w:val="24"/>
          <w:szCs w:val="24"/>
          <w:lang w:val="en-US"/>
        </w:rPr>
        <w:t>A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>.</w:t>
      </w:r>
      <w:r>
        <w:rPr>
          <w:b/>
          <w:bCs/>
          <w:sz w:val="24"/>
          <w:szCs w:val="24"/>
          <w:lang w:val="en-US"/>
        </w:rPr>
        <w:t>3</w:t>
      </w:r>
      <w:r w:rsidRPr="00287599">
        <w:rPr>
          <w:b/>
          <w:bCs/>
          <w:sz w:val="24"/>
          <w:szCs w:val="24"/>
          <w:lang w:val="en-US"/>
        </w:rPr>
        <w:t xml:space="preserve"> </w:t>
      </w:r>
      <w:r w:rsidR="008129B4" w:rsidRPr="008129B4">
        <w:rPr>
          <w:b/>
          <w:bCs/>
          <w:sz w:val="24"/>
          <w:szCs w:val="24"/>
        </w:rPr>
        <w:t>Block Partitioning Embedded Coding (BPEC)</w:t>
      </w:r>
    </w:p>
    <w:p w14:paraId="3AD0A730" w14:textId="77777777" w:rsidR="0072334A" w:rsidRPr="0048038D" w:rsidRDefault="0072334A" w:rsidP="0072334A">
      <w:pPr>
        <w:rPr>
          <w:u w:val="single"/>
          <w:lang w:val="en-US"/>
        </w:rPr>
      </w:pPr>
      <w:r w:rsidRPr="0048038D">
        <w:rPr>
          <w:u w:val="single"/>
        </w:rPr>
        <w:t>Image Quality</w:t>
      </w:r>
      <w:r w:rsidRPr="00287599">
        <w:rPr>
          <w:u w:val="single"/>
        </w:rPr>
        <w:t xml:space="preserve"> Evaluation</w:t>
      </w:r>
    </w:p>
    <w:p w14:paraId="3BE388F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')); ...</w:t>
      </w:r>
    </w:p>
    <w:p w14:paraId="230B53E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49EF11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945C0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69B030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3D0343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5708B9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9A8A0F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7532D2A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64;</w:t>
      </w:r>
      <w:proofErr w:type="gramEnd"/>
    </w:p>
    <w:p w14:paraId="39C93F9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789970B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86667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3) == 3</w:t>
      </w:r>
    </w:p>
    <w:p w14:paraId="0C1697D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CCB39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1D121AB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] = dwt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98CD0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FE75D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FC5D7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9AE20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22DDA55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1CFE6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6F58A2A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3665272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9BE37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34719C4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85200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2B0E1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1C7E51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CAB81D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9FCAB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F3103F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71A54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DF1F9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2ACC9D0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06B205D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95F3B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lse</w:t>
      </w:r>
    </w:p>
    <w:p w14:paraId="71B2EC8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828AA1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4B1142D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03E04E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64EE0B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10B62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7B29144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1FB58B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287EAA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4341F81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D741A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0FE7F7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E6C728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4172D31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19646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022DF36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E06A0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4F4DD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69A7F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5D826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0661656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17B865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DDAFB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ows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cols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AADFD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5A053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386B4B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1D0CBD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row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rows</w:t>
      </w:r>
    </w:p>
    <w:p w14:paraId="4228E9B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for col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cols</w:t>
      </w:r>
    </w:p>
    <w:p w14:paraId="369C1AC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ow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row+blockSize-1, rows), ...</w:t>
      </w:r>
    </w:p>
    <w:p w14:paraId="1DBC45B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              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col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col+blockSize-1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CA8BB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 floor(log2(max(abs(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lock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))) + 1e-10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5FB5D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DCFCD5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4804C94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7AAAD11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max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23EB2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2AFFCBA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for row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rows</w:t>
      </w:r>
    </w:p>
    <w:p w14:paraId="32353CE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for col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cols</w:t>
      </w:r>
    </w:p>
    <w:p w14:paraId="3F6F602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block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ow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row+blockSize-1, rows), ...</w:t>
      </w:r>
    </w:p>
    <w:p w14:paraId="2EC9D03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                  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col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col+blockSize-1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46232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block, p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BF601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18D632C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C67407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5020908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0C54BA8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298369D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318100F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rows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D0E56E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cols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2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29841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BE00F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538A31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18D526D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for row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rows</w:t>
      </w:r>
    </w:p>
    <w:p w14:paraId="443EA67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for col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cols</w:t>
      </w:r>
    </w:p>
    <w:p w14:paraId="328435B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ow+blockSize-1, rows) - row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50C655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col+blockSize-1, cols) - col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798DAF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p,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]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14916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(row:(row+blockRows-1), col:(col+blockCols-1))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61A7F7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519A00A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1C1703F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3A01098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rows / 2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D678B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cols / 2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E2296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1:halfRows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795AFFE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1:halfRows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, halfCol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*2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171BB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*2, rows)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188E8E7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*2, rows), halfCol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*2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FBA54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idwt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FF491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53A2C93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block, p)</w:t>
      </w:r>
    </w:p>
    <w:p w14:paraId="270E647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gMas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(abs(block) &gt;= 2^p) &amp; (abs(block) &lt; 2^(p+1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307A5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igMas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4D1A73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0A095DA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p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245978C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7B1FD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69825C9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4927F27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reak;</w:t>
      </w:r>
      <w:proofErr w:type="gramEnd"/>
    </w:p>
    <w:p w14:paraId="1C8E7E2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21896DD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= 1</w:t>
      </w:r>
    </w:p>
    <w:p w14:paraId="304881C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 2^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p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68A704C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6A70536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23CD7A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17EDBD47" w14:textId="232A332E" w:rsidR="0072334A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4876F70F" w14:textId="77777777" w:rsidR="008129B4" w:rsidRDefault="008129B4" w:rsidP="008129B4">
      <w:pPr>
        <w:rPr>
          <w:rFonts w:ascii="Courier New" w:hAnsi="Courier New" w:cs="Courier New"/>
          <w:sz w:val="20"/>
          <w:szCs w:val="20"/>
        </w:rPr>
      </w:pPr>
    </w:p>
    <w:p w14:paraId="00AFA647" w14:textId="77777777" w:rsidR="008129B4" w:rsidRPr="00287599" w:rsidRDefault="008129B4" w:rsidP="008129B4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632C5D8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')); ...</w:t>
      </w:r>
    </w:p>
    <w:p w14:paraId="380C1EF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40CC24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86ABE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   </w:t>
      </w:r>
    </w:p>
    <w:p w14:paraId="217DDC5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747BCA0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4C01699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64;</w:t>
      </w:r>
      <w:proofErr w:type="gramEnd"/>
    </w:p>
    <w:p w14:paraId="6D3DC9E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77BE9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D89E9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134A10E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B77515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789E9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3) == 3</w:t>
      </w:r>
    </w:p>
    <w:p w14:paraId="6D69103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9F4C5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6440A14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] = dwt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794FB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F39DD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FACE5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CBCBC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~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sequa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,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)</w:t>
      </w:r>
    </w:p>
    <w:p w14:paraId="7754A29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EFA32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  </w:t>
      </w:r>
    </w:p>
    <w:p w14:paraId="7853C11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4023CE6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38B2E64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238A12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_M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(8 * 1024 * 1024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8B6F4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_M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(8 * 1024 * 1024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39827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4DD5A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09849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3B314FE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D42F9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003243F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6636A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4C131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388540D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8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6B14FF4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1F92F13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p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633D508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4248358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673B0D2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5F74947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66F95E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D5C8F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ows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cols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8C22C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1EB46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CFB051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50030D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row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rows</w:t>
      </w:r>
    </w:p>
    <w:p w14:paraId="135F1D0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for col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cols</w:t>
      </w:r>
    </w:p>
    <w:p w14:paraId="42EA26E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ow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row+blockSize-1, rows), ...</w:t>
      </w:r>
    </w:p>
    <w:p w14:paraId="2BE2778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              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col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col+blockSize-1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11590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 floor(log2(max(abs(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lock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))) + 1e-10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92391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2A4FA6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6E26189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468AC31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max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6ACF4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209E97A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for row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rows</w:t>
      </w:r>
    </w:p>
    <w:p w14:paraId="7F2DD39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for col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cols</w:t>
      </w:r>
    </w:p>
    <w:p w14:paraId="1C1B187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block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ow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row+blockSize-1, rows), ...</w:t>
      </w:r>
    </w:p>
    <w:p w14:paraId="5686EB3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                  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col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col+blockSize-1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FB8B1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block, p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136B2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0D01F4A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1F12B94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2C5B9FA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5207C97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0FC8BC3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22EA3A1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rows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C44F1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cols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2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1AF60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5E429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82E5E7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15EB0ED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for row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rows</w:t>
      </w:r>
    </w:p>
    <w:p w14:paraId="75A5217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for col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cols</w:t>
      </w:r>
    </w:p>
    <w:p w14:paraId="5B030BB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ow+blockSize-1, rows) - row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EE5014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col+blockSize-1, cols) - col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26F21E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p,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]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73EF8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(row:(row+blockRows-1), col:(col+blockCols-1))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6B92E1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192A019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7B8C0AD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4689E10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rows / 2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89D50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cols / 2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BE5C6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1:halfRows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5DED07E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1:halfRows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, halfCol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*2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562E2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*2, rows)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2A36195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*2, rows), halfCol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*2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77D44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idwt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17C3A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32B9639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block, p)</w:t>
      </w:r>
    </w:p>
    <w:p w14:paraId="0D2E58B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gMas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(abs(block) &gt;= 2^p) &amp; (abs(block) &lt; 2^(p+1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0F566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igMas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5727E0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245A308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p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3305992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D0E6F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0138CF3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7B717F9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reak;</w:t>
      </w:r>
      <w:proofErr w:type="gramEnd"/>
    </w:p>
    <w:p w14:paraId="4C398AB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568A99D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= 1</w:t>
      </w:r>
    </w:p>
    <w:p w14:paraId="1E3BC7E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 2^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p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7670049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426CE66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6CEE2B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308886FF" w14:textId="29DB76C5" w:rsid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6514A769" w14:textId="77777777" w:rsidR="008129B4" w:rsidRDefault="008129B4" w:rsidP="008129B4">
      <w:pPr>
        <w:rPr>
          <w:rFonts w:ascii="Courier New" w:hAnsi="Courier New" w:cs="Courier New"/>
          <w:sz w:val="20"/>
          <w:szCs w:val="20"/>
        </w:rPr>
      </w:pPr>
    </w:p>
    <w:p w14:paraId="5F5FFAA1" w14:textId="77777777" w:rsidR="008129B4" w:rsidRDefault="008129B4" w:rsidP="008129B4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51D387B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clc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B099D4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pw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E31F3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7631F8F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62A0B1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F8D4C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07217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9BD04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169161E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64;</w:t>
      </w:r>
      <w:proofErr w:type="gramEnd"/>
    </w:p>
    <w:p w14:paraId="626579F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6A03CDA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F5FF0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3) == 3</w:t>
      </w:r>
    </w:p>
    <w:p w14:paraId="2E45643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22866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428B9B0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try</w:t>
      </w:r>
    </w:p>
    <w:p w14:paraId="00C815F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16FE9EB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em_befor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;</w:t>
      </w:r>
    </w:p>
    <w:p w14:paraId="411A7B2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2FF2D1B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] = dwt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63E2C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FF8D7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cV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E3B9C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5B823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119FD0F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3B20BB7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 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em_befor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/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71C5C53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catch</w:t>
      </w:r>
    </w:p>
    <w:p w14:paraId="4B2B8CC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0C5426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A91508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03CAD5C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17774C5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BPEC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Compression Timing and Memory Benchmark:\n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B88FC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70ADE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CBF38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5D4B150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472AAA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0A6F5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ows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cols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5F055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5C000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579828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1905BA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row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rows</w:t>
      </w:r>
    </w:p>
    <w:p w14:paraId="2A1969A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for col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cols</w:t>
      </w:r>
    </w:p>
    <w:p w14:paraId="2BF68D1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ow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(row+blockSize-1, rows),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col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col+blockSize-1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8FCDB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 floor(log2(max(abs(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lock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)) + 1e-10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D423A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C68714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6DCF29D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3F8587B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max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B3F9C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13831F8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for row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rows</w:t>
      </w:r>
    </w:p>
    <w:p w14:paraId="285CCFF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for col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cols</w:t>
      </w:r>
    </w:p>
    <w:p w14:paraId="0BA300E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block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wavelet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ow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(row+blockSize-1, rows),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col:min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>(col+blockSize-1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654DC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block, p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66B16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02B0FBF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5ABF542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790B333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3DB8521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6332347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1813999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rows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F7FFF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cols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2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234C7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3A6C9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464CF8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2A79118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for row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rows</w:t>
      </w:r>
    </w:p>
    <w:p w14:paraId="01A2527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for col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cols</w:t>
      </w:r>
    </w:p>
    <w:p w14:paraId="4B41903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ow+blockSize-1, rows) - row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D458B2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col+blockSize-1, cols) - col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FF85D4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p,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]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1FBEF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(row:(row+blockRows-1), col:(col+blockCols-1))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AEDF6D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        end</w:t>
      </w:r>
    </w:p>
    <w:p w14:paraId="3622E87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743D526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6F8F418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rows / 2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D30CC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cols / 2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9EE61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1:halfRows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26ED12F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1:halfRows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, halfCol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*2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FD39B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*2, rows)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609BECD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ecompressed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*2, rows), halfCols+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*2, cols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DA839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idwt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V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F6551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722B90D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block, p)</w:t>
      </w:r>
    </w:p>
    <w:p w14:paraId="0C60BCD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gMas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(abs(block) &gt;= 2^p) &amp; (abs(block) &lt; 2^(p+1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3915B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igMas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0702DB4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13A23B6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p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51CEDD9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18335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237654A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0D99EEB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reak;</w:t>
      </w:r>
      <w:proofErr w:type="gramEnd"/>
    </w:p>
    <w:p w14:paraId="6567EC3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5EDD34D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if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= 1</w:t>
      </w:r>
    </w:p>
    <w:p w14:paraId="6740436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Bloc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= 2^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p;</w:t>
      </w:r>
      <w:proofErr w:type="gramEnd"/>
    </w:p>
    <w:p w14:paraId="27662AC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end</w:t>
      </w:r>
    </w:p>
    <w:p w14:paraId="1583A06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5AE862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69A7A489" w14:textId="435CAEF4" w:rsid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1F316B27" w14:textId="77777777" w:rsidR="008129B4" w:rsidRDefault="008129B4" w:rsidP="008129B4">
      <w:pPr>
        <w:rPr>
          <w:rFonts w:ascii="Courier New" w:hAnsi="Courier New" w:cs="Courier New"/>
          <w:sz w:val="20"/>
          <w:szCs w:val="20"/>
        </w:rPr>
      </w:pPr>
    </w:p>
    <w:p w14:paraId="7E6E9A91" w14:textId="572ACF5E" w:rsidR="008129B4" w:rsidRDefault="008129B4" w:rsidP="008129B4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>.</w:t>
      </w:r>
      <w:r>
        <w:rPr>
          <w:b/>
          <w:bCs/>
          <w:sz w:val="24"/>
          <w:szCs w:val="24"/>
          <w:lang w:val="en-US"/>
        </w:rPr>
        <w:t>4</w:t>
      </w:r>
      <w:r w:rsidRPr="00287599">
        <w:rPr>
          <w:b/>
          <w:bCs/>
          <w:sz w:val="24"/>
          <w:szCs w:val="24"/>
          <w:lang w:val="en-US"/>
        </w:rPr>
        <w:t xml:space="preserve"> </w:t>
      </w:r>
      <w:r>
        <w:rPr>
          <w:b/>
          <w:bCs/>
          <w:sz w:val="24"/>
          <w:szCs w:val="24"/>
        </w:rPr>
        <w:t>H</w:t>
      </w:r>
      <w:r w:rsidRPr="008129B4">
        <w:rPr>
          <w:b/>
          <w:bCs/>
          <w:sz w:val="24"/>
          <w:szCs w:val="24"/>
        </w:rPr>
        <w:t xml:space="preserve">ighly </w:t>
      </w:r>
      <w:r>
        <w:rPr>
          <w:b/>
          <w:bCs/>
          <w:sz w:val="24"/>
          <w:szCs w:val="24"/>
        </w:rPr>
        <w:t>S</w:t>
      </w:r>
      <w:r w:rsidRPr="008129B4">
        <w:rPr>
          <w:b/>
          <w:bCs/>
          <w:sz w:val="24"/>
          <w:szCs w:val="24"/>
        </w:rPr>
        <w:t xml:space="preserve">calable </w:t>
      </w:r>
      <w:r>
        <w:rPr>
          <w:b/>
          <w:bCs/>
          <w:sz w:val="24"/>
          <w:szCs w:val="24"/>
        </w:rPr>
        <w:t xml:space="preserve">- </w:t>
      </w:r>
      <w:r w:rsidRPr="008129B4">
        <w:rPr>
          <w:b/>
          <w:bCs/>
          <w:sz w:val="24"/>
          <w:szCs w:val="24"/>
        </w:rPr>
        <w:t>Block Partitioning Embedded Coding (</w:t>
      </w:r>
      <w:r>
        <w:rPr>
          <w:b/>
          <w:bCs/>
          <w:sz w:val="24"/>
          <w:szCs w:val="24"/>
        </w:rPr>
        <w:t>HS-</w:t>
      </w:r>
      <w:r w:rsidRPr="008129B4">
        <w:rPr>
          <w:b/>
          <w:bCs/>
          <w:sz w:val="24"/>
          <w:szCs w:val="24"/>
        </w:rPr>
        <w:t>BPEC)</w:t>
      </w:r>
    </w:p>
    <w:p w14:paraId="45E76D33" w14:textId="3986D28B" w:rsidR="008129B4" w:rsidRPr="008129B4" w:rsidRDefault="008129B4" w:rsidP="008129B4">
      <w:pPr>
        <w:rPr>
          <w:u w:val="single"/>
          <w:lang w:val="en-US"/>
        </w:rPr>
      </w:pPr>
      <w:r w:rsidRPr="008129B4">
        <w:rPr>
          <w:u w:val="single"/>
          <w:lang w:val="en-US"/>
        </w:rPr>
        <w:t>Image Quality Evaluation</w:t>
      </w:r>
    </w:p>
    <w:p w14:paraId="3A7A987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')); ...</w:t>
      </w:r>
    </w:p>
    <w:p w14:paraId="0C377C6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7AB275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123FB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322AE3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48234F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235EDE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9F45D0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7EA2CD6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64;</w:t>
      </w:r>
      <w:proofErr w:type="gramEnd"/>
    </w:p>
    <w:p w14:paraId="46AE06A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D41738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FAEE5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3) == 3</w:t>
      </w:r>
    </w:p>
    <w:p w14:paraId="1F96850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7B30E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4D0F8D9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M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5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 </w:t>
      </w:r>
    </w:p>
    <w:p w14:paraId="68B8CAB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] = wavedec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4623B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D56E7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FB812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97932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3BF5506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1973F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6483166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13FEA24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A3DD6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6B72667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D1516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2C873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A4BA4D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3009D5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A19B8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27D954D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9906D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A913B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05654B1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19FF5AE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4EE85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lse</w:t>
      </w:r>
    </w:p>
    <w:p w14:paraId="12345A0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D6F75B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803FB3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BCA6CD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FBE3C7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234CB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1543096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7CDB20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933940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0AC3AAF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81887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75CF77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48DD5C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104F662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0E896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35B95CA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253E2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CE27D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DA925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2CA81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)</w:t>
      </w:r>
    </w:p>
    <w:p w14:paraId="6D3837D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0C31EA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87AD32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floor(log2(max(abs(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))) + 1e-10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02DEF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582FE63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xtrac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r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9FD94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markers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60021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313DF3A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 markers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30B8C40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3B4423A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40183D2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)</w:t>
      </w:r>
    </w:p>
    <w:p w14:paraId="7CEE83D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sum(prod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sizes, 2)), 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45A3C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BA9ECA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1</w:t>
      </w:r>
    </w:p>
    <w:p w14:paraId="00E996B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, :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+1, :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46E91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nser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r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6889D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307DFAA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: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: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06AC1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nser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0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04E81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waverec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4980D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08DFBB6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xtrac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r)</w:t>
      </w:r>
    </w:p>
    <w:p w14:paraId="0A2614D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:), 2))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1FA90E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+1, :), 2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9630C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tartIdx:end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DB39E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iz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+1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:);</w:t>
      </w:r>
      <w:proofErr w:type="gramEnd"/>
    </w:p>
    <w:p w14:paraId="754968C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{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iz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1C45589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2B63493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nser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r)</w:t>
      </w:r>
    </w:p>
    <w:p w14:paraId="1AFD29C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:), 2))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D37E2B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+1, :), 2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00C41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{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0C6FA94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;</w:t>
      </w:r>
      <w:proofErr w:type="gramEnd"/>
    </w:p>
    <w:p w14:paraId="32BD08F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length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~= 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1)</w:t>
      </w:r>
    </w:p>
    <w:p w14:paraId="190DCA3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size mismatch during insertion at resolution level %d.', r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137BB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237D1BB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tartIdx:endIdx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19D940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654481C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markers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1033495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A927D1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markers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0D5519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{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12A8DCB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7328027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gnificant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gt;= 2^p &amp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lt; 2^(p+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F2839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ignificant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52AF856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329CE3A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markers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7D682D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0B655D2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marker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4AB350B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arkers;</w:t>
      </w:r>
      <w:proofErr w:type="gramEnd"/>
    </w:p>
    <w:p w14:paraId="5C2D965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s;</w:t>
      </w:r>
      <w:proofErr w:type="gramEnd"/>
    </w:p>
    <w:p w14:paraId="5BED511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Data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4D804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4A3F0D3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:dataIdx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- 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EAE69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9E545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15EA0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* 2^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p;</w:t>
      </w:r>
      <w:proofErr w:type="gramEnd"/>
    </w:p>
    <w:p w14:paraId="2DBF6A9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2368826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{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0138E324" w14:textId="7B5FDD64" w:rsid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12F701E5" w14:textId="77777777" w:rsidR="008129B4" w:rsidRDefault="008129B4" w:rsidP="008129B4">
      <w:pPr>
        <w:rPr>
          <w:rFonts w:ascii="Courier New" w:hAnsi="Courier New" w:cs="Courier New"/>
          <w:sz w:val="20"/>
          <w:szCs w:val="20"/>
        </w:rPr>
      </w:pPr>
    </w:p>
    <w:p w14:paraId="4757BD42" w14:textId="77777777" w:rsidR="008129B4" w:rsidRDefault="008129B4" w:rsidP="008129B4">
      <w:pPr>
        <w:rPr>
          <w:u w:val="single"/>
        </w:rPr>
      </w:pPr>
    </w:p>
    <w:p w14:paraId="22339738" w14:textId="77777777" w:rsidR="008129B4" w:rsidRDefault="008129B4" w:rsidP="008129B4">
      <w:pPr>
        <w:rPr>
          <w:u w:val="single"/>
        </w:rPr>
      </w:pPr>
    </w:p>
    <w:p w14:paraId="2DA96F0C" w14:textId="77777777" w:rsidR="008129B4" w:rsidRDefault="008129B4" w:rsidP="008129B4">
      <w:pPr>
        <w:rPr>
          <w:u w:val="single"/>
        </w:rPr>
      </w:pPr>
    </w:p>
    <w:p w14:paraId="5D7BF168" w14:textId="77777777" w:rsidR="008129B4" w:rsidRDefault="008129B4" w:rsidP="008129B4">
      <w:pPr>
        <w:rPr>
          <w:u w:val="single"/>
        </w:rPr>
      </w:pPr>
    </w:p>
    <w:p w14:paraId="6404E7DD" w14:textId="77777777" w:rsidR="008129B4" w:rsidRDefault="008129B4" w:rsidP="008129B4">
      <w:pPr>
        <w:rPr>
          <w:u w:val="single"/>
        </w:rPr>
      </w:pPr>
    </w:p>
    <w:p w14:paraId="4383DE00" w14:textId="76E90229" w:rsidR="008129B4" w:rsidRPr="00287599" w:rsidRDefault="008129B4" w:rsidP="008129B4">
      <w:pPr>
        <w:rPr>
          <w:u w:val="single"/>
          <w:lang w:val="en-US"/>
        </w:rPr>
      </w:pPr>
      <w:r w:rsidRPr="0048038D">
        <w:rPr>
          <w:u w:val="single"/>
        </w:rPr>
        <w:lastRenderedPageBreak/>
        <w:t>Transmission Performance Evaluation</w:t>
      </w:r>
    </w:p>
    <w:p w14:paraId="6DB6ED6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')); ...</w:t>
      </w:r>
    </w:p>
    <w:p w14:paraId="1DBF853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765F9A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2651E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   </w:t>
      </w:r>
    </w:p>
    <w:p w14:paraId="1F200E0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2BC66AD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75FEC86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5BC82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1A4FD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1274E1F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64;</w:t>
      </w:r>
      <w:proofErr w:type="gramEnd"/>
    </w:p>
    <w:p w14:paraId="290E715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A1DF21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DC2E2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3) == 3</w:t>
      </w:r>
    </w:p>
    <w:p w14:paraId="6EE3359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8B5D7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068C501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M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5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 </w:t>
      </w:r>
    </w:p>
    <w:p w14:paraId="4FE9DB0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] = wavedec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8540E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17230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A77FD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E0FD3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605F7FE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BA6EA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6D32C25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8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 </w:t>
      </w:r>
    </w:p>
    <w:p w14:paraId="4F55A79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240B49F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_M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(8 * 1024 * 1024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2130B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_MB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(8 * 1024 * 1024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57C2B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mpressed_siz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5D5AA3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EFE19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AF118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603FA16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1F21C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39601F8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A602B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C1FDD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0B3319A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8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426B4C7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296171A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bp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1A52209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5BB9CDB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02151B6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)</w:t>
      </w:r>
    </w:p>
    <w:p w14:paraId="7EC8196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D84457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66AA38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floor(log2(max(abs(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))) + 1e-10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113B9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for r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1427711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xtrac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r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29338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markers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AB7FA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214D75A0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 markers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33A63F1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0BCEFF2B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1F1FD5B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M)</w:t>
      </w:r>
    </w:p>
    <w:p w14:paraId="2357613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zeros(sum(prod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sizes, 2)), 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39659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6FBB0F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1</w:t>
      </w:r>
    </w:p>
    <w:p w14:paraId="70C1D74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, :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+1, :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6C211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nser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r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3F7EC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20F03E7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: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1, :)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99135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nser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0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883F6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waverec2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'bior4.4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F55F3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7B5259C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xtrac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r)</w:t>
      </w:r>
    </w:p>
    <w:p w14:paraId="214B2C3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:), 2))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BEC1CC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+1, :), 2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1A217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tartIdx:end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81C9A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iz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s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r+1,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:);</w:t>
      </w:r>
      <w:proofErr w:type="gramEnd"/>
    </w:p>
    <w:p w14:paraId="4B21470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{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ize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56AEEF6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1023E33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insert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s, r)</w:t>
      </w:r>
    </w:p>
    <w:p w14:paraId="4BCFAA4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, :), 2)) +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8C4AA6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+1, :), 2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CA233C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{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04B68B5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:);</w:t>
      </w:r>
      <w:proofErr w:type="gramEnd"/>
    </w:p>
    <w:p w14:paraId="6A0C5A93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if length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~= 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1)</w:t>
      </w:r>
    </w:p>
    <w:p w14:paraId="76FBAEA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'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ubband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size mismatch during insertion at resolution level %d.', r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6893D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36FD5289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tartIdx:endIdx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F54360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4CA95F5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markers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18BC752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0E781D6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markers = [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C6C9D5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{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0DDD386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7ACA5FF2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significant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gt;= 2^p &amp;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&lt; 2^(p+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CFC98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significantBit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:)'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];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</w:t>
      </w:r>
    </w:p>
    <w:p w14:paraId="7E72978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end</w:t>
      </w:r>
    </w:p>
    <w:p w14:paraId="0D2B25C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markers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B55FFB7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3D3FEBF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_resolution_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marker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</w:p>
    <w:p w14:paraId="584B5BE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markers;</w:t>
      </w:r>
      <w:proofErr w:type="gramEnd"/>
    </w:p>
    <w:p w14:paraId="5E12C26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sizes;</w:t>
      </w:r>
      <w:proofErr w:type="gramEnd"/>
    </w:p>
    <w:p w14:paraId="10B9D14D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SizeData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9F3A8F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:-</w:t>
      </w:r>
      <w:proofErr w:type="gramEnd"/>
      <w:r w:rsidRPr="008129B4">
        <w:rPr>
          <w:rFonts w:ascii="Courier New" w:hAnsi="Courier New" w:cs="Courier New"/>
          <w:sz w:val="20"/>
          <w:szCs w:val="20"/>
        </w:rPr>
        <w:t>1:0</w:t>
      </w:r>
    </w:p>
    <w:p w14:paraId="4E9653A5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8129B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:dataIdx</w:t>
      </w:r>
      <w:proofErr w:type="spellEnd"/>
      <w:proofErr w:type="gram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 - 1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13B6A8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534371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8129B4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>)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4F1BFE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* 2^</w:t>
      </w:r>
      <w:proofErr w:type="gramStart"/>
      <w:r w:rsidRPr="008129B4">
        <w:rPr>
          <w:rFonts w:ascii="Courier New" w:hAnsi="Courier New" w:cs="Courier New"/>
          <w:sz w:val="20"/>
          <w:szCs w:val="20"/>
        </w:rPr>
        <w:t>p;</w:t>
      </w:r>
      <w:proofErr w:type="gramEnd"/>
    </w:p>
    <w:p w14:paraId="35F1C63A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lastRenderedPageBreak/>
        <w:t xml:space="preserve">    end</w:t>
      </w:r>
    </w:p>
    <w:p w14:paraId="174E6894" w14:textId="77777777" w:rsidR="008129B4" w:rsidRP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8129B4">
        <w:rPr>
          <w:rFonts w:ascii="Courier New" w:hAnsi="Courier New" w:cs="Courier New"/>
          <w:sz w:val="20"/>
          <w:szCs w:val="20"/>
        </w:rPr>
        <w:t xml:space="preserve"> = {</w:t>
      </w:r>
      <w:proofErr w:type="spellStart"/>
      <w:r w:rsidRPr="008129B4">
        <w:rPr>
          <w:rFonts w:ascii="Courier New" w:hAnsi="Courier New" w:cs="Courier New"/>
          <w:sz w:val="20"/>
          <w:szCs w:val="20"/>
        </w:rPr>
        <w:t>blockData</w:t>
      </w:r>
      <w:proofErr w:type="spellEnd"/>
      <w:proofErr w:type="gramStart"/>
      <w:r w:rsidRPr="008129B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7676B828" w14:textId="360EB083" w:rsidR="008129B4" w:rsidRDefault="008129B4" w:rsidP="008129B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8129B4">
        <w:rPr>
          <w:rFonts w:ascii="Courier New" w:hAnsi="Courier New" w:cs="Courier New"/>
          <w:sz w:val="20"/>
          <w:szCs w:val="20"/>
        </w:rPr>
        <w:t>end</w:t>
      </w:r>
    </w:p>
    <w:p w14:paraId="1F6385F6" w14:textId="77777777" w:rsidR="00377306" w:rsidRDefault="00377306" w:rsidP="00377306">
      <w:pPr>
        <w:rPr>
          <w:rFonts w:ascii="Courier New" w:hAnsi="Courier New" w:cs="Courier New"/>
          <w:sz w:val="20"/>
          <w:szCs w:val="20"/>
        </w:rPr>
      </w:pPr>
    </w:p>
    <w:p w14:paraId="7E48150E" w14:textId="77777777" w:rsidR="00377306" w:rsidRDefault="00377306" w:rsidP="00377306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39D89DF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clc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631D00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w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072DB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2E7242D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n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07A044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02C95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F22B2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6F35C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64;</w:t>
      </w:r>
      <w:proofErr w:type="gramEnd"/>
    </w:p>
    <w:p w14:paraId="476E609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M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5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707B75A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4B5CDBA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64B0F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3) == 3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; end</w:t>
      </w:r>
    </w:p>
    <w:p w14:paraId="65E5351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star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253292E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2039FF0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sizes] = wavedec2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M, 'bior4.4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F8C2D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56DCF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68A29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M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31413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~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sequa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,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)</w:t>
      </w:r>
    </w:p>
    <w:p w14:paraId="1D9E7DD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4F86A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59EDF98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1989AA3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en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515416C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 = 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d.MemUsedMATLAB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tart.MemUsedMATLAB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) /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21FBF5B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5A0D4FC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HS-BPEC Compression Timing and Memory Benchmark:\n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B991C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Avg Time per Image: %.4f seconds\n', mea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9196F8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Avg Memory Used: %.2f MB\n', mea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us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D7924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cod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M)</w:t>
      </w:r>
    </w:p>
    <w:p w14:paraId="1C12EB7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CE0B10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2F4A0E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floor(log2(max(abs(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:)))) + 1e-10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CE8B3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:-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:0</w:t>
      </w:r>
    </w:p>
    <w:p w14:paraId="67BEFAF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ct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sizes, r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AED4F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markers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_resolutio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xBitPlan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2CA52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Subband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5C997F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 marker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1D70EA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3259300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2294217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s_bpec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ecod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M)</w:t>
      </w:r>
    </w:p>
    <w:p w14:paraId="27D5719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sum(prod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sizes, 2)), 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732B4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75148C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:-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:1</w:t>
      </w:r>
    </w:p>
    <w:p w14:paraId="64627E7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_resolutio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r, :)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ize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r+1, :)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99A81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sert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sizes, r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D1670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726B0D2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_resolutio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resolutionMarke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1, :)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ize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1, :)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E46A4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sert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sizes, 0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CD3EC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waverec2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sizes, 'bior4.4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EDC86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312E2A8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ct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sizes, r)</w:t>
      </w:r>
    </w:p>
    <w:p w14:paraId="53215FD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, :), 2)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266B82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+1, :), 2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B3DCC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startIdx:end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2A917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ubbandSiz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ize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r+1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:);</w:t>
      </w:r>
      <w:proofErr w:type="gramEnd"/>
    </w:p>
    <w:p w14:paraId="701C73B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{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ubbandSiz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0E8F8D9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3436D11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sert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sizes, r)</w:t>
      </w:r>
    </w:p>
    <w:p w14:paraId="36010C6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, :), 2)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146384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um(prod(sizes(1:r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+1, :), 2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E968E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{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5E6A952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:);</w:t>
      </w:r>
      <w:proofErr w:type="gramEnd"/>
    </w:p>
    <w:p w14:paraId="39E9B3B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eff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startIdx:endIdx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subban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5A0618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04CB318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markers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_resolutio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02387AB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BC964F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markers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832924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{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172269A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:-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:0</w:t>
      </w:r>
    </w:p>
    <w:p w14:paraId="1E3C574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gnificant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gt;= 2^p &amp;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lt; 2^(p+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EC30C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n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significant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:)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F1920A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0206B45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markers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maxBitPlan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641F37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3B26892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_resolutio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lev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markers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sizes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50689B5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arkers;</w:t>
      </w:r>
      <w:proofErr w:type="gramEnd"/>
    </w:p>
    <w:p w14:paraId="581C7AA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size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9B146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p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maxbp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:-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:0</w:t>
      </w:r>
    </w:p>
    <w:p w14:paraId="736B10F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:dataIdx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 - 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774B4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905B7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12526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it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* 2^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p;</w:t>
      </w:r>
      <w:proofErr w:type="gramEnd"/>
    </w:p>
    <w:p w14:paraId="36F10A2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581F128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ubband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{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lockData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34A02213" w14:textId="3B165EE5" w:rsid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41F4364D" w14:textId="77777777" w:rsidR="00377306" w:rsidRDefault="00377306" w:rsidP="00377306">
      <w:pPr>
        <w:rPr>
          <w:rFonts w:ascii="Courier New" w:hAnsi="Courier New" w:cs="Courier New"/>
          <w:sz w:val="20"/>
          <w:szCs w:val="20"/>
        </w:rPr>
      </w:pPr>
    </w:p>
    <w:p w14:paraId="23E5D276" w14:textId="0C1C79E1" w:rsidR="00377306" w:rsidRDefault="00377306" w:rsidP="00377306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>.</w:t>
      </w:r>
      <w:r>
        <w:rPr>
          <w:b/>
          <w:bCs/>
          <w:sz w:val="24"/>
          <w:szCs w:val="24"/>
          <w:lang w:val="en-US"/>
        </w:rPr>
        <w:t>5</w:t>
      </w:r>
      <w:r w:rsidRPr="00287599">
        <w:rPr>
          <w:b/>
          <w:bCs/>
          <w:sz w:val="24"/>
          <w:szCs w:val="24"/>
          <w:lang w:val="en-US"/>
        </w:rPr>
        <w:t xml:space="preserve"> </w:t>
      </w:r>
      <w:r>
        <w:rPr>
          <w:b/>
          <w:bCs/>
          <w:sz w:val="24"/>
          <w:szCs w:val="24"/>
        </w:rPr>
        <w:t>I</w:t>
      </w:r>
      <w:r w:rsidRPr="00377306">
        <w:rPr>
          <w:b/>
          <w:bCs/>
          <w:sz w:val="24"/>
          <w:szCs w:val="24"/>
        </w:rPr>
        <w:t xml:space="preserve">mproved </w:t>
      </w:r>
      <w:r>
        <w:rPr>
          <w:b/>
          <w:bCs/>
          <w:sz w:val="24"/>
          <w:szCs w:val="24"/>
        </w:rPr>
        <w:t>L</w:t>
      </w:r>
      <w:r w:rsidRPr="00377306">
        <w:rPr>
          <w:b/>
          <w:bCs/>
          <w:sz w:val="24"/>
          <w:szCs w:val="24"/>
        </w:rPr>
        <w:t xml:space="preserve">ossless </w:t>
      </w:r>
      <w:r>
        <w:rPr>
          <w:b/>
          <w:bCs/>
          <w:sz w:val="24"/>
          <w:szCs w:val="24"/>
        </w:rPr>
        <w:t>I</w:t>
      </w:r>
      <w:r w:rsidRPr="00377306">
        <w:rPr>
          <w:b/>
          <w:bCs/>
          <w:sz w:val="24"/>
          <w:szCs w:val="24"/>
        </w:rPr>
        <w:t xml:space="preserve">mage </w:t>
      </w:r>
      <w:r>
        <w:rPr>
          <w:b/>
          <w:bCs/>
          <w:sz w:val="24"/>
          <w:szCs w:val="24"/>
        </w:rPr>
        <w:t>C</w:t>
      </w:r>
      <w:r w:rsidRPr="00377306">
        <w:rPr>
          <w:b/>
          <w:bCs/>
          <w:sz w:val="24"/>
          <w:szCs w:val="24"/>
        </w:rPr>
        <w:t>ompression</w:t>
      </w:r>
    </w:p>
    <w:p w14:paraId="42C7B3D6" w14:textId="77777777" w:rsidR="00377306" w:rsidRPr="008129B4" w:rsidRDefault="00377306" w:rsidP="00377306">
      <w:pPr>
        <w:rPr>
          <w:u w:val="single"/>
          <w:lang w:val="en-US"/>
        </w:rPr>
      </w:pPr>
      <w:r w:rsidRPr="008129B4">
        <w:rPr>
          <w:u w:val="single"/>
          <w:lang w:val="en-US"/>
        </w:rPr>
        <w:t>Image Quality Evaluation</w:t>
      </w:r>
    </w:p>
    <w:p w14:paraId="12B7E5C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n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)); ...</w:t>
      </w:r>
    </w:p>
    <w:p w14:paraId="33F6F90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4BB82E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9A25E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CACA8B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6D07AB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700DEA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76B7A0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lastRenderedPageBreak/>
        <w:t>pixel_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6135169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struct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[],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[],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[],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[],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egValueStor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', []), 1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B0739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84F9F2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989A1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3) == 3</w:t>
      </w:r>
    </w:p>
    <w:p w14:paraId="265B594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7D40E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7530A42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inear_predict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16672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teger_wavelet_transfor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7F135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orced_huffma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codin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14B1F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decompress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,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FD0D2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54EE6DA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F098D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7E25859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83D9B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44EB5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804837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033D63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AD534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7614C3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B6EB3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6AB77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070DD85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3931D96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6DFCB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lse</w:t>
      </w:r>
    </w:p>
    <w:p w14:paraId="3E83D59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62A5B9A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AD1080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02EAB4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96D5A0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23577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1DE0694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533568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D8A75E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23DA972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.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E5AAC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CD4840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FDAF40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7DD0ED4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n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2BF89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58EB8DA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A5CAE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66098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89A6A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CAA67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inear_predict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035FEDC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30E18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47C3E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33CEB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rows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-1</w:t>
      </w:r>
    </w:p>
    <w:p w14:paraId="028EDD5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cols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-1</w:t>
      </w:r>
    </w:p>
    <w:p w14:paraId="3DCDFA6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round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i-1, j-1) +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i-1, j) + ...</w:t>
      </w:r>
    </w:p>
    <w:p w14:paraId="220BB97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lastRenderedPageBreak/>
        <w:t xml:space="preserve">                        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i-1, j+1) +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j-1) + ...</w:t>
      </w:r>
    </w:p>
    <w:p w14:paraId="36D7646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j+1)) / 5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345AA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38777B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j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oubl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j)) -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F086B4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end</w:t>
      </w:r>
    </w:p>
    <w:p w14:paraId="7108ECF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7E76CB7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2E678B7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teger_wavelet_transfor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555F015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C44D8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Leve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6;</w:t>
      </w:r>
      <w:proofErr w:type="gramEnd"/>
    </w:p>
    <w:p w14:paraId="5DDE76A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A7BADC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C595F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level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numLevels</w:t>
      </w:r>
      <w:proofErr w:type="gramEnd"/>
    </w:p>
    <w:p w14:paraId="7816D7D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] = legall53_transform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62DB9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2E8E5E1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in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= 0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BD2B7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in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lt; 0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3A5A0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lt; 0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abs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lt; 0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9C0BB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247B4C0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] = legall53_transform(data)</w:t>
      </w:r>
    </w:p>
    <w:p w14:paraId="2920270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rows, cols] = size(data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86B8E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ow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size(data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710D1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6410705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[low, high] = legall53_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(data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r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65B2A7E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row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, :) = [low, high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1E00AC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5B0A678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l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ow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32B42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c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6937388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[low, high] = legall53_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rowTransformed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(:,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c)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7F870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lTransformed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(:,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c) = [low, high]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656AF88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53CDDBC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ows / 2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74BDE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cols / 2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A7112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col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1:halfRows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6C48E54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col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, halfCols+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4390707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173679F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low, high] = legall53_1d(data)</w:t>
      </w:r>
    </w:p>
    <w:p w14:paraId="1FF0D2B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n = length(data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CF965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low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n / 2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C81AE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high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n / 2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BC842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high)</w:t>
      </w:r>
    </w:p>
    <w:p w14:paraId="6026B88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high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2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max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2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- 1, 1)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min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2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+ 1, n))) / 2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816C7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282A897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low)</w:t>
      </w:r>
    </w:p>
    <w:p w14:paraId="02E76BB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low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2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- 1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high(max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- 1, 1)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high(min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+ 1, length(high)))) / 4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1C707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7513AAB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0E8A5B9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orced_huffma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codin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6CE88BF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:);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: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04D7F7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~= 0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281F7C5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uniqu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F2622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inVa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mi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AC941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xVa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max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B9FDF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minVal:maxVal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; </w:t>
      </w:r>
    </w:p>
    <w:p w14:paraId="0C519F4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max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+1], 'Normalization', 'probability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57AAB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sum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 == 0</w:t>
      </w:r>
    </w:p>
    <w:p w14:paraId="683C7B4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:) = 1 /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5336D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lse</w:t>
      </w:r>
    </w:p>
    <w:p w14:paraId="5A6C290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/ sum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6ED7A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7154AB1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336CE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{:,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}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7E53CC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issing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setdif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Symbol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59388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~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issing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39DA0FD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Huffman dictionary missing symbols: %s', mat2str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issing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9DCC6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missing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:);</w:t>
      </w:r>
      <w:proofErr w:type="gramEnd"/>
    </w:p>
    <w:p w14:paraId="29B7281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e-6,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728AD04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],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]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6420C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664A8A7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add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 mi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one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70000, 1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54AF1A6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padd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95929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truct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}, ...</w:t>
      </w:r>
    </w:p>
    <w:p w14:paraId="7125F0F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dict}, ...</w:t>
      </w:r>
    </w:p>
    <w:p w14:paraId="579A177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}, ...</w:t>
      </w:r>
    </w:p>
    <w:p w14:paraId="4D82DAB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}, ...</w:t>
      </w:r>
    </w:p>
    <w:p w14:paraId="300D77F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egValueStor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}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BF541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3A0A7DC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ecompress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original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3F89143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.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ngleCompressedData.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D852C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originalSiz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ED426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originalSiz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18A77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.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46DDF98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&gt;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.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4CBA230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.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 = -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ngleCompressedData.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negValueStor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BDDC65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lse</w:t>
      </w:r>
    </w:p>
    <w:p w14:paraId="260EBD7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'Mismatch: Decoded stream size is smaller tha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.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86569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22B5B89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076BCB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Imag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0E2672" w14:textId="56318B3F" w:rsid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6A221F8A" w14:textId="77777777" w:rsidR="00377306" w:rsidRDefault="00377306" w:rsidP="00377306">
      <w:pPr>
        <w:rPr>
          <w:rFonts w:ascii="Courier New" w:hAnsi="Courier New" w:cs="Courier New"/>
          <w:sz w:val="20"/>
          <w:szCs w:val="20"/>
        </w:rPr>
      </w:pPr>
    </w:p>
    <w:p w14:paraId="48534F94" w14:textId="77777777" w:rsidR="00377306" w:rsidRPr="00287599" w:rsidRDefault="00377306" w:rsidP="00377306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2A2985F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n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)); ...</w:t>
      </w:r>
    </w:p>
    <w:p w14:paraId="160620F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42B665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0203C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   </w:t>
      </w:r>
    </w:p>
    <w:p w14:paraId="3858B46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3E0DA09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2BD6C48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3D682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D23B9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lastRenderedPageBreak/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struct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[],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[],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[],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[],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egValueStor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', []), 1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46223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49BA81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8B795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3) == 3</w:t>
      </w:r>
    </w:p>
    <w:p w14:paraId="2BBA6D9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0B578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1028D04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inear_predict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CBC4A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teger_wavelet_transfor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45359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orced_huffma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codin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255DF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decompress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,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926F1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.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76BDE06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CR = 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* 8) /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_size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D57089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F0763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9F4309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17F7E59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2EE30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4DC8B7A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3B0E7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A5A71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7A0722D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8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7ED0B96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28662EF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bp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73238AC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358FA2C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62636AE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inear_predict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1B0900E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736CD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242BC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B16FA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rows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-1</w:t>
      </w:r>
    </w:p>
    <w:p w14:paraId="0E15302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cols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-1</w:t>
      </w:r>
    </w:p>
    <w:p w14:paraId="5DE479B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round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i-1, j-1) +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i-1, j) + ...</w:t>
      </w:r>
    </w:p>
    <w:p w14:paraId="211E5AD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i-1, j+1) +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j-1) + ...</w:t>
      </w:r>
    </w:p>
    <w:p w14:paraId="2490B40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j+1)) / 5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56CE3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332599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j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oubl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j)) -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ed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DA2E8F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end</w:t>
      </w:r>
    </w:p>
    <w:p w14:paraId="6DD11F8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0AB3745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218399B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teger_wavelet_transfor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50AC75A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29F9F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Leve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6;</w:t>
      </w:r>
      <w:proofErr w:type="gramEnd"/>
    </w:p>
    <w:p w14:paraId="7C66FCA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5F6710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5BD1E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level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numLevels</w:t>
      </w:r>
      <w:proofErr w:type="gramEnd"/>
    </w:p>
    <w:p w14:paraId="1F91082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] = legall53_transform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F37E1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2D3906B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in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= 0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C40D9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in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lt; 0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4B76D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lt; 0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abs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&lt; 0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1BB78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1B5D901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] = legall53_transform(data)</w:t>
      </w:r>
    </w:p>
    <w:p w14:paraId="6F6C889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rows, cols] = size(data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C1977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ow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size(data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DDC04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r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58260EC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[low, high] = legall53_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(data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r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4712B28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row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, :) = [low, high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356C52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22D604D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l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row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83A0B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c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5FBA523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[low, high] = legall53_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rowTransformed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(:,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c)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F0125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lTransformed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(:,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c) = [low, high]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9FC8D1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48BC898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alfRow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ows / 2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F4333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alfC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cols / 2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5EA46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col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1:halfRows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halfCols);</w:t>
      </w:r>
      <w:proofErr w:type="gramEnd"/>
    </w:p>
    <w:p w14:paraId="2BD58C7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colTransforme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halfRows+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, halfCols+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3A7B4A1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26D5199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low, high] = legall53_1d(data)</w:t>
      </w:r>
    </w:p>
    <w:p w14:paraId="5842634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n = length(data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E897C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low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n / 2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1485F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high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1,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n / 2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641D2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high)</w:t>
      </w:r>
    </w:p>
    <w:p w14:paraId="10C086B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high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2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-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max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2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- 1, 1)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min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2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+ 1, n))) / 2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FCF10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36B7452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low)</w:t>
      </w:r>
    </w:p>
    <w:p w14:paraId="2FE4B81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low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2 *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- 1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high(max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- 1, 1)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high(min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+ 1, length(high)))) / 4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76484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78BFBF6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6F1EDD1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orced_huffma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codin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0E155D6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:);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:);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000, 1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64AD175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uniqu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65B6D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inVa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mi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24BD4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xVa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max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7D74A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minVal:maxVal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; </w:t>
      </w:r>
    </w:p>
    <w:p w14:paraId="4FF1F9A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max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+1], 'Normalization', 'probability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0419B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sum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 == 0</w:t>
      </w:r>
    </w:p>
    <w:p w14:paraId="655C7B3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:) = 1 /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EEF99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lse</w:t>
      </w:r>
    </w:p>
    <w:p w14:paraId="15E9FA3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/ sum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2FBF3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5EC8125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73D67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{:,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}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2F764A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issing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setdif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Symbol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DE2BB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~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issing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113F264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Huffman dictionary missing symbols: %s', mat2str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issing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AB563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missing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:);</w:t>
      </w:r>
      <w:proofErr w:type="gramEnd"/>
    </w:p>
    <w:p w14:paraId="4E185F1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e-6,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1803E12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Symbol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],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traProbabiliti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]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E13DB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4709067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adding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min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allSymbols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4B036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add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;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addingValu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one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5000, 1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</w:t>
      </w:r>
    </w:p>
    <w:p w14:paraId="18CDD13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padd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E02C8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truct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}, ...</w:t>
      </w:r>
    </w:p>
    <w:p w14:paraId="7519396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dict}, ...</w:t>
      </w:r>
    </w:p>
    <w:p w14:paraId="63BC99C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}, ...</w:t>
      </w:r>
    </w:p>
    <w:p w14:paraId="55656F3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}, ...</w:t>
      </w:r>
    </w:p>
    <w:p w14:paraId="2F697D9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            '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egValueStor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', {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ata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}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0391B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0CFA42D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ecompress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original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77E2393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.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ngleCompressedData.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BB004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originalSiz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05737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originalSiz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2C4CE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.position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0F8E8F9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d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&gt;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.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6B272F4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singleCompressedData.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 = -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singleCompressedData.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negValueStor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94DA31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lse</w:t>
      </w:r>
    </w:p>
    <w:p w14:paraId="127588C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'Mismatch: Decoded stream size is smaller tha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ition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.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0D570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14D11A8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ow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ighFreq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4F3D5E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Imag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2DD50F" w14:textId="0962F557" w:rsid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4A076E30" w14:textId="77777777" w:rsidR="00377306" w:rsidRDefault="00377306" w:rsidP="00377306">
      <w:pPr>
        <w:rPr>
          <w:rFonts w:ascii="Courier New" w:hAnsi="Courier New" w:cs="Courier New"/>
          <w:sz w:val="20"/>
          <w:szCs w:val="20"/>
        </w:rPr>
      </w:pPr>
    </w:p>
    <w:p w14:paraId="23504EAA" w14:textId="77777777" w:rsidR="00377306" w:rsidRDefault="00377306" w:rsidP="00377306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49F478E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clc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2CE41C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w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BE5AA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0AA910C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n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2F4DCF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in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CE88B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5F8DC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377306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CFC99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67570B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try</w:t>
      </w:r>
    </w:p>
    <w:p w14:paraId="0271BB3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277F7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3) == 3</w:t>
      </w:r>
    </w:p>
    <w:p w14:paraId="6653218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3A023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end</w:t>
      </w:r>
    </w:p>
    <w:p w14:paraId="327417C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C1FE2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6F40AAA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[~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inear_predict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DF021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encoded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: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28;</w:t>
      </w:r>
      <w:proofErr w:type="gramEnd"/>
    </w:p>
    <w:p w14:paraId="6C5FDBE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coded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encoded &gt; 255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55;</w:t>
      </w:r>
      <w:proofErr w:type="gramEnd"/>
    </w:p>
    <w:p w14:paraId="348546C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coded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encoded &lt; 0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77F909F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symbols = uint8(encoded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FF77F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u = unique(symbol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A9D35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u, ones(length(u), 1) / length(u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1D623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stream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symbols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4D6E8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decoded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stream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964B1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decoded = double(decoded) -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28;</w:t>
      </w:r>
      <w:proofErr w:type="gramEnd"/>
    </w:p>
    <w:p w14:paraId="27CBC2F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recon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decoded,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026E9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recon,1)</w:t>
      </w:r>
    </w:p>
    <w:p w14:paraId="2B5A7FC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for j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size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recon,2)</w:t>
      </w:r>
    </w:p>
    <w:p w14:paraId="49E51A6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recon(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,j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>) = recon(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,j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>) + recon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i,j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-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33FB0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lastRenderedPageBreak/>
        <w:t xml:space="preserve">            end</w:t>
      </w:r>
    </w:p>
    <w:p w14:paraId="6632FCA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end</w:t>
      </w:r>
    </w:p>
    <w:p w14:paraId="4D14B33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2E2B550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4F6A2C3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372FDE3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catch ME</w:t>
      </w:r>
    </w:p>
    <w:p w14:paraId="426C33A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'Error at image %d: %s\n'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ME.mess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06617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Na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BD4E26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Na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0FD4AC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302B70B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0D8FF8F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'Improved Lossless Compression Timing Benchmark:\n'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4E14E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85F76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72124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linear_predictio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2A34D78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3E5CA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74FBA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E7547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29F48E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43BD3F8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4E3A136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if j == 1</w:t>
      </w:r>
    </w:p>
    <w:p w14:paraId="2508151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predicted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421DDAB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else</w:t>
      </w:r>
    </w:p>
    <w:p w14:paraId="0E5B68C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    predicted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 j-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CF882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2BA68B7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edImag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j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predicted;</w:t>
      </w:r>
      <w:proofErr w:type="gramEnd"/>
    </w:p>
    <w:p w14:paraId="2F42466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redictionError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j) -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predicted;</w:t>
      </w:r>
      <w:proofErr w:type="gramEnd"/>
    </w:p>
    <w:p w14:paraId="1C92B66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end</w:t>
      </w:r>
    </w:p>
    <w:p w14:paraId="436C6BF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3177388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45BF68C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[transformed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nteger_wavelet_transfor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errors)</w:t>
      </w:r>
    </w:p>
    <w:p w14:paraId="5B248CA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transformed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rrors;</w:t>
      </w:r>
      <w:proofErr w:type="gramEnd"/>
    </w:p>
    <w:p w14:paraId="243529D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l = 1:6</w:t>
      </w:r>
    </w:p>
    <w:p w14:paraId="26927C3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transformed = legall53_transform(transformed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B4076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018D91F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(transformed == 0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25F23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(transformed &lt; 0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C941D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0CF03DC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out = legall53_transform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777F84F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1DBB7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out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rows, col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AECC0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rows</w:t>
      </w:r>
      <w:proofErr w:type="gramEnd"/>
    </w:p>
    <w:p w14:paraId="41D6211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out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:)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 = legall53_1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i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,:))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;</w:t>
      </w:r>
    </w:p>
    <w:p w14:paraId="4EC0C65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54853CD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cols</w:t>
      </w:r>
      <w:proofErr w:type="gramEnd"/>
    </w:p>
    <w:p w14:paraId="167CB48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out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(:,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j) = legall53_1d(out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(:,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j)'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4926EC3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754020B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3834E60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function y = legall53_1d(x)</w:t>
      </w:r>
    </w:p>
    <w:p w14:paraId="606A501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N = length(x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8EAA1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mod(N,2) ~= 0</w:t>
      </w:r>
    </w:p>
    <w:p w14:paraId="21200F3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x(end+1) = x(end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F5A40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N = N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BA2669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4046F56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odd = x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2:end);</w:t>
      </w:r>
      <w:proofErr w:type="gramEnd"/>
    </w:p>
    <w:p w14:paraId="7D41CAA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ven = x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2:end);</w:t>
      </w:r>
      <w:proofErr w:type="gramEnd"/>
    </w:p>
    <w:p w14:paraId="600979F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length(odd) &lt; 2</w:t>
      </w:r>
    </w:p>
    <w:p w14:paraId="66998D4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s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odd;</w:t>
      </w:r>
      <w:proofErr w:type="gramEnd"/>
    </w:p>
    <w:p w14:paraId="2BCE3A6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d = zeros(size(even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A4730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lastRenderedPageBreak/>
        <w:t xml:space="preserve">    else</w:t>
      </w:r>
    </w:p>
    <w:p w14:paraId="3CDE21BF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d = even - floor((odd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-1) + odd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))/2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C1716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d(end+1) = d(end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29690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s = odd + floor(([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), d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-1)] + d)/4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AEB96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450BCDC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y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1, N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E1526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y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2:en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) = s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end,length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>(1: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)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2446B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y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2:en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) = d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min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end,length</w:t>
      </w:r>
      <w:proofErr w:type="spellEnd"/>
      <w:proofErr w:type="gramEnd"/>
      <w:r w:rsidRPr="00377306">
        <w:rPr>
          <w:rFonts w:ascii="Courier New" w:hAnsi="Courier New" w:cs="Courier New"/>
          <w:sz w:val="20"/>
          <w:szCs w:val="20"/>
        </w:rPr>
        <w:t>(2: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)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B8AA2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30654AD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forced_huffman_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encodin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transformed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pos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38F46FC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data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transformed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:) +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28;</w:t>
      </w:r>
      <w:proofErr w:type="gramEnd"/>
    </w:p>
    <w:p w14:paraId="1470C0B8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data &gt; 255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255;</w:t>
      </w:r>
      <w:proofErr w:type="gramEnd"/>
    </w:p>
    <w:p w14:paraId="449E18C0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ata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data &lt; 0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002869A7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symbols = uint8(data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969CE5D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u = unique(symbols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1E7D1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u, ones(length(u), 1) / length(u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B178C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symbols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74391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.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FBE574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.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426522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.size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size(transformed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2A471B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.pos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os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9F6C5B5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.pos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pos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B0B5DA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5E14087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decompress(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</w:p>
    <w:p w14:paraId="419667D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decoded = </w:t>
      </w:r>
      <w:proofErr w:type="spellStart"/>
      <w:proofErr w:type="gramStart"/>
      <w:r w:rsidRPr="00377306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mpressedData.stream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.dict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19B6E9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decoded = double(decoded) -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28;</w:t>
      </w:r>
      <w:proofErr w:type="gramEnd"/>
    </w:p>
    <w:p w14:paraId="6F8AD764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pected_len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pro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mpressedData.siz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7613D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if length(decoded) &lt;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pected_len</w:t>
      </w:r>
      <w:proofErr w:type="spellEnd"/>
    </w:p>
    <w:p w14:paraId="18E4B491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decoded(end+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expecte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_len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18EFE9C2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lseif length(decoded) &gt;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expected_len</w:t>
      </w:r>
      <w:proofErr w:type="spellEnd"/>
    </w:p>
    <w:p w14:paraId="46E76B1A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    decoded = decoded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1:expected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>_len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04A40E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end</w:t>
      </w:r>
    </w:p>
    <w:p w14:paraId="48167E3C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decoded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377306">
        <w:rPr>
          <w:rFonts w:ascii="Courier New" w:hAnsi="Courier New" w:cs="Courier New"/>
          <w:sz w:val="20"/>
          <w:szCs w:val="20"/>
        </w:rPr>
        <w:t xml:space="preserve">decoded,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compressedData.size</w:t>
      </w:r>
      <w:proofErr w:type="spellEnd"/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F592C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ecode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mpressedData.posZero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650C7AA3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ecode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mpressedData.pos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 = -abs(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ecoded(</w:t>
      </w:r>
      <w:proofErr w:type="spellStart"/>
      <w:proofErr w:type="gramEnd"/>
      <w:r w:rsidRPr="00377306">
        <w:rPr>
          <w:rFonts w:ascii="Courier New" w:hAnsi="Courier New" w:cs="Courier New"/>
          <w:sz w:val="20"/>
          <w:szCs w:val="20"/>
        </w:rPr>
        <w:t>compressedData.posNegatives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>)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C9AEB6" w14:textId="77777777" w:rsidR="00377306" w:rsidRP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377306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37730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377306">
        <w:rPr>
          <w:rFonts w:ascii="Courier New" w:hAnsi="Courier New" w:cs="Courier New"/>
          <w:sz w:val="20"/>
          <w:szCs w:val="20"/>
        </w:rPr>
        <w:t>decoded;</w:t>
      </w:r>
      <w:proofErr w:type="gramEnd"/>
    </w:p>
    <w:p w14:paraId="1C206F08" w14:textId="16403A63" w:rsidR="00377306" w:rsidRDefault="00377306" w:rsidP="00377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377306">
        <w:rPr>
          <w:rFonts w:ascii="Courier New" w:hAnsi="Courier New" w:cs="Courier New"/>
          <w:sz w:val="20"/>
          <w:szCs w:val="20"/>
        </w:rPr>
        <w:t>end</w:t>
      </w:r>
    </w:p>
    <w:p w14:paraId="2C428F36" w14:textId="77777777" w:rsidR="00377306" w:rsidRDefault="00377306" w:rsidP="00377306">
      <w:pPr>
        <w:rPr>
          <w:rFonts w:ascii="Courier New" w:hAnsi="Courier New" w:cs="Courier New"/>
          <w:sz w:val="20"/>
          <w:szCs w:val="20"/>
        </w:rPr>
      </w:pPr>
    </w:p>
    <w:p w14:paraId="585F94B8" w14:textId="36C31A98" w:rsidR="00377306" w:rsidRDefault="00377306" w:rsidP="00377306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>.</w:t>
      </w:r>
      <w:r>
        <w:rPr>
          <w:b/>
          <w:bCs/>
          <w:sz w:val="24"/>
          <w:szCs w:val="24"/>
          <w:lang w:val="en-US"/>
        </w:rPr>
        <w:t>6</w:t>
      </w:r>
      <w:r w:rsidRPr="00287599">
        <w:rPr>
          <w:b/>
          <w:bCs/>
          <w:sz w:val="24"/>
          <w:szCs w:val="24"/>
          <w:lang w:val="en-US"/>
        </w:rPr>
        <w:t xml:space="preserve"> </w:t>
      </w:r>
      <w:r>
        <w:rPr>
          <w:b/>
          <w:bCs/>
          <w:sz w:val="24"/>
          <w:szCs w:val="24"/>
        </w:rPr>
        <w:t>N</w:t>
      </w:r>
      <w:r w:rsidRPr="00377306">
        <w:rPr>
          <w:b/>
          <w:bCs/>
          <w:sz w:val="24"/>
          <w:szCs w:val="24"/>
        </w:rPr>
        <w:t xml:space="preserve">ovel </w:t>
      </w:r>
      <w:r>
        <w:rPr>
          <w:b/>
          <w:bCs/>
          <w:sz w:val="24"/>
          <w:szCs w:val="24"/>
        </w:rPr>
        <w:t>H</w:t>
      </w:r>
      <w:r w:rsidRPr="00377306">
        <w:rPr>
          <w:b/>
          <w:bCs/>
          <w:sz w:val="24"/>
          <w:szCs w:val="24"/>
        </w:rPr>
        <w:t>igh-</w:t>
      </w:r>
      <w:r>
        <w:rPr>
          <w:b/>
          <w:bCs/>
          <w:sz w:val="24"/>
          <w:szCs w:val="24"/>
        </w:rPr>
        <w:t>F</w:t>
      </w:r>
      <w:r w:rsidRPr="00377306">
        <w:rPr>
          <w:b/>
          <w:bCs/>
          <w:sz w:val="24"/>
          <w:szCs w:val="24"/>
        </w:rPr>
        <w:t xml:space="preserve">requency </w:t>
      </w:r>
      <w:r>
        <w:rPr>
          <w:b/>
          <w:bCs/>
          <w:sz w:val="24"/>
          <w:szCs w:val="24"/>
        </w:rPr>
        <w:t>E</w:t>
      </w:r>
      <w:r w:rsidRPr="00377306">
        <w:rPr>
          <w:b/>
          <w:bCs/>
          <w:sz w:val="24"/>
          <w:szCs w:val="24"/>
        </w:rPr>
        <w:t>ncoding</w:t>
      </w:r>
    </w:p>
    <w:p w14:paraId="65D9480F" w14:textId="77777777" w:rsidR="00377306" w:rsidRPr="008129B4" w:rsidRDefault="00377306" w:rsidP="00377306">
      <w:pPr>
        <w:rPr>
          <w:u w:val="single"/>
          <w:lang w:val="en-US"/>
        </w:rPr>
      </w:pPr>
      <w:r w:rsidRPr="008129B4">
        <w:rPr>
          <w:u w:val="single"/>
          <w:lang w:val="en-US"/>
        </w:rPr>
        <w:t>Image Quality Evaluation</w:t>
      </w:r>
    </w:p>
    <w:p w14:paraId="47B9DF7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')); ...</w:t>
      </w:r>
    </w:p>
    <w:p w14:paraId="40BED52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40371A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2D3BD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95D64E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EF585F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C20C1C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FB6A47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2CD14E4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6;</w:t>
      </w:r>
      <w:proofErr w:type="gramEnd"/>
    </w:p>
    <w:p w14:paraId="74B44E0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0;</w:t>
      </w:r>
      <w:proofErr w:type="gramEnd"/>
    </w:p>
    <w:p w14:paraId="4422861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7B7FCE1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12341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if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3) == 3</w:t>
      </w:r>
    </w:p>
    <w:p w14:paraId="6265AB1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60EBD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2E438AB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2C732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4A8A9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6AB4952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CAFD9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026E7BF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6395A55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F4DDC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12EE51E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C9B12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9E575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C89C8E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CEDEC8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9825B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DEB2D6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38A48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0D858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4BC91AE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7D1A285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89BD2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lse</w:t>
      </w:r>
    </w:p>
    <w:p w14:paraId="122AB2F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B20D5A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05B0F6F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0FECA9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9AE64B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5B598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7586C37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E06BA1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31E3EB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8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6A584F4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)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32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58E5AF7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E88E77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5253A9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6044A14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EBB0A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43E5CA2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89ADF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E478A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F4C1C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BA005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4EAB499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34079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1419D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cell(floor(rows/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, floor(cols/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308C8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rows-blockSize+1</w:t>
      </w:r>
    </w:p>
    <w:p w14:paraId="328CB43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cols-blockSize+1</w:t>
      </w:r>
    </w:p>
    <w:p w14:paraId="5AEAAE9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j:j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39E14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{(i-1)/blockSize+1, (j-1)/blockSize+1} = dct2(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8440A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6FB0204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52D2273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ound(block .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366B0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, 1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B4B86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: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', false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13C8A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~= 0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0551B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HighFrequenci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1D737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diff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E256D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En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2B71E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En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BE141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.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minimizedArray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815C0C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.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iffDC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5904C0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4BC1B74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HighFrequenci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61A11FF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M = 1.5 * max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544CA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1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and();</w:t>
      </w:r>
      <w:proofErr w:type="gramEnd"/>
    </w:p>
    <w:p w14:paraId="260C86A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2 = K1 + M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997215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3 = M * (K1 + K2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E7E56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truct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K1', K1, 'K2', K2, 'K3', K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5924A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ray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i) K1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+ K2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i+1) + K3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i+2), 1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3:length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-2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DFA19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4845E01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3BB19BF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1 = lookupTable.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1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27B9C1A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2 = lookupTable.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2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1C47ED5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3 = lookupTable.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3;</w:t>
      </w:r>
      <w:proofErr w:type="gramEnd"/>
    </w:p>
    <w:p w14:paraId="0E6977E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arithmeticDe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minimiz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2A9DF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inarySearchReconstruc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K1, K2, K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FA983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floor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)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* floor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2)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AD880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44995B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l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602823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otalACRow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94B9E2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totalACRow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lsA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FE196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otalElemen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min(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214DD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totalElements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totalElements);</w:t>
      </w:r>
      <w:proofErr w:type="gramEnd"/>
    </w:p>
    <w:p w14:paraId="6FB457F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arithmeticDe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diffD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9FB2A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9506A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2C529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469273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img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)-blockSize+1</w:t>
      </w:r>
    </w:p>
    <w:p w14:paraId="1113852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img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2)-blockSize+1</w:t>
      </w:r>
    </w:p>
    <w:p w14:paraId="34E8579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length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5075836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reak;</w:t>
      </w:r>
      <w:proofErr w:type="gramEnd"/>
    </w:p>
    <w:p w14:paraId="473E620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3F428F9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8A60E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, 1)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B5473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(blockIndex-1)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F7A61E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d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50A88A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d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lt;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)</w:t>
      </w:r>
    </w:p>
    <w:p w14:paraId="2028345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: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shap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artRow:endRow</w:t>
      </w:r>
      <w:proofErr w:type="spellEnd"/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: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lsA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6C119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9EBCBF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j:j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+blockSize-1) = idct2(block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FC6AB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F97D4B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4EC8343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7188039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09FF6B8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En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26CC538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nput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07AD8B8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27CEB54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De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400E1D1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787EFE8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3AF8697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inarySearchReconstruc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K1, K2, K3)</w:t>
      </w:r>
    </w:p>
    <w:p w14:paraId="66F22EE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, 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* 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FF253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1E44B1F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(i-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)*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3+1) = 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- K2 - K3) /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1;</w:t>
      </w:r>
      <w:proofErr w:type="gramEnd"/>
    </w:p>
    <w:p w14:paraId="4C6CF12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223B4F58" w14:textId="0A6B5E00" w:rsidR="00377306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0C82C178" w14:textId="77777777" w:rsidR="0090453F" w:rsidRDefault="0090453F" w:rsidP="0090453F">
      <w:pPr>
        <w:rPr>
          <w:rFonts w:ascii="Courier New" w:hAnsi="Courier New" w:cs="Courier New"/>
          <w:sz w:val="20"/>
          <w:szCs w:val="20"/>
        </w:rPr>
      </w:pPr>
    </w:p>
    <w:p w14:paraId="36CAF2BB" w14:textId="77777777" w:rsidR="0090453F" w:rsidRPr="00287599" w:rsidRDefault="0090453F" w:rsidP="0090453F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318015B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')); ...</w:t>
      </w:r>
    </w:p>
    <w:p w14:paraId="19CD1CF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CDC03C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897B9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   </w:t>
      </w:r>
    </w:p>
    <w:p w14:paraId="68569C8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5DBFD6F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23A769A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8BDE1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D2FBD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6;</w:t>
      </w:r>
      <w:proofErr w:type="gramEnd"/>
    </w:p>
    <w:p w14:paraId="3113E31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0;</w:t>
      </w:r>
      <w:proofErr w:type="gramEnd"/>
    </w:p>
    <w:p w14:paraId="62FA97A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4297EBE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41024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3) == 3</w:t>
      </w:r>
    </w:p>
    <w:p w14:paraId="2E0090E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C4534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14BB7E5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EACE9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050BF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0AA7EB4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FABF2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3C839D9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+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)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32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2040CD8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1A2FB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A5D16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3860414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B606B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652D130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3F6D8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5A7FA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0BE11EA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8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56621B2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0CB968C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p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3FF4CB6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2D2BB14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003C53C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256787A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CB397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68ED9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cell(floor(rows/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, floor(cols/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6E8AE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rows-blockSize+1</w:t>
      </w:r>
    </w:p>
    <w:p w14:paraId="41D36E6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cols-blockSize+1</w:t>
      </w:r>
    </w:p>
    <w:p w14:paraId="673E3B0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j:j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6B79C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{(i-1)/blockSize+1, (j-1)/blockSize+1} = dct2(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2C636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40EEF7A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2AA0B90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ound(block .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E84F0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, 1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2CFD4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: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', false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FCC9E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~= 0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1D9B51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HighFrequenci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0468C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diff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35649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En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604F0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En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C430B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.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minimizedArray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58D6AF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.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iffDC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D4C7B9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6A2D1F3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HighFrequenci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6014AF3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M = 1.5 * max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92D07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1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and();</w:t>
      </w:r>
      <w:proofErr w:type="gramEnd"/>
    </w:p>
    <w:p w14:paraId="5F530B0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2 = K1 + M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FDB5AD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3 = M * (K1 + K2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39E77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truct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K1', K1, 'K2', K2, 'K3', K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72956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ray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i) K1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+ K2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i+1) + K3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i+2), 1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3:length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-2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D9848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4ABE042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76B27FE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1 = lookupTable.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1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38E2513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2 = lookupTable.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2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5D523B6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3 = lookupTable.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3;</w:t>
      </w:r>
      <w:proofErr w:type="gramEnd"/>
    </w:p>
    <w:p w14:paraId="36BD3CB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arithmeticDe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minimiz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CE82E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inarySearchReconstruc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K1, K2, K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80DCF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floor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)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* floor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2)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AAC68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D8F031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l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277096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otalACRow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BAFE7F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totalACRow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lsA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63CAA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otalElemen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min(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61345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totalElements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totalElements);</w:t>
      </w:r>
      <w:proofErr w:type="gramEnd"/>
    </w:p>
    <w:p w14:paraId="6520D93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arithmeticDe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diffD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3B2D3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425CF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F53C3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0148EB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img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)-blockSize+1</w:t>
      </w:r>
    </w:p>
    <w:p w14:paraId="3FB479F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img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2)-blockSize+1</w:t>
      </w:r>
    </w:p>
    <w:p w14:paraId="09B7F75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length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71995D3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reak;</w:t>
      </w:r>
      <w:proofErr w:type="gramEnd"/>
    </w:p>
    <w:p w14:paraId="2399C3D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        end</w:t>
      </w:r>
    </w:p>
    <w:p w14:paraId="5CFA3C0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DD081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, 1)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8B713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(blockIndex-1)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883C45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d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2102AA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d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lt;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)</w:t>
      </w:r>
    </w:p>
    <w:p w14:paraId="414020F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: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shap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artRow:endRow</w:t>
      </w:r>
      <w:proofErr w:type="spellEnd"/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: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lsA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3E036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A150BB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j:j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+blockSize-1) = idct2(block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70278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DA9460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01F0482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7A0D7A5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721BBBA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En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2CFA778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nput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1FC8D7C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770BB82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De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17A574F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4185AAE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3FFA6B6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inarySearchReconstruc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K1, K2, K3)</w:t>
      </w:r>
    </w:p>
    <w:p w14:paraId="04F8636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, 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* 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0A5DB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50B9A2D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(i-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)*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3+1) = 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- K2 - K3) /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1;</w:t>
      </w:r>
      <w:proofErr w:type="gramEnd"/>
    </w:p>
    <w:p w14:paraId="7CA849B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5E63D40E" w14:textId="5F212C93" w:rsid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0F479850" w14:textId="77777777" w:rsidR="0090453F" w:rsidRDefault="0090453F" w:rsidP="0090453F">
      <w:pPr>
        <w:rPr>
          <w:rFonts w:ascii="Courier New" w:hAnsi="Courier New" w:cs="Courier New"/>
          <w:sz w:val="20"/>
          <w:szCs w:val="20"/>
        </w:rPr>
      </w:pPr>
    </w:p>
    <w:p w14:paraId="1EB96295" w14:textId="77777777" w:rsidR="0090453F" w:rsidRDefault="0090453F" w:rsidP="0090453F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1D2A379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cl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7A4451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w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FB995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1637512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330892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0A640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AD1A1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CFD11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6;</w:t>
      </w:r>
      <w:proofErr w:type="gramEnd"/>
    </w:p>
    <w:p w14:paraId="2795DB5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0;</w:t>
      </w:r>
      <w:proofErr w:type="gramEnd"/>
    </w:p>
    <w:p w14:paraId="3B0C6CF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66BD7A8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E12605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3) == 3</w:t>
      </w:r>
    </w:p>
    <w:p w14:paraId="7207A90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EC31D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42408C8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try</w:t>
      </w:r>
    </w:p>
    <w:p w14:paraId="415BC9D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795B432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D2C074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20465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3A3895F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27DDC3F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01B41DD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catch ME</w:t>
      </w:r>
    </w:p>
    <w:p w14:paraId="75E9C10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'Error at image %d: %s\n'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ME.mess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9E45E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9EC166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Na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124D18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end</w:t>
      </w:r>
    </w:p>
    <w:p w14:paraId="3C85F20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79A361F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Novel High-Frequency Compression Timing Benchmark:\n'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F235F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0E357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25775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1A60E48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rows, cols] 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2CF72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doubl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12454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cell(floor(rows/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, floor(cols/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F93BF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rows-blockSize+1</w:t>
      </w:r>
    </w:p>
    <w:p w14:paraId="017D636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cols-blockSize+1</w:t>
      </w:r>
    </w:p>
    <w:p w14:paraId="425AE14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nput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j:j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+blockSize-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8019A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{(i-1)/blockSize+1, (j-1)/blockSize+1} = dct2(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6448C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264997F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7058DBF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ound(block .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FB73C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, 1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94E26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: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', false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BD2AE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~= 0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22E7C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HighFrequenci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23C38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diff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[0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)']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109E8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En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9F943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En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06BC4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.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minimizedArray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572D58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Data.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iffDCEncode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1756F3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3137363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HighFrequenci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2E26C0A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M = 1.5 * max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B9B21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1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and();</w:t>
      </w:r>
      <w:proofErr w:type="gramEnd"/>
    </w:p>
    <w:p w14:paraId="31F2EE8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2 = K1 + M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FB4C14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3 = M * (K1 + K2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668DC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truct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K1', K1, 'K2', K2, 'K3', K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5A5A8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rayfu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@(i) K1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+ K2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i+1) + K3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i+2), 1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3:length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-2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50705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0EF3B93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compress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ookupTab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3716330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1 = lookupTable.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1;</w:t>
      </w:r>
      <w:proofErr w:type="gramEnd"/>
    </w:p>
    <w:p w14:paraId="69AF58A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2 = lookupTable.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2;</w:t>
      </w:r>
      <w:proofErr w:type="gramEnd"/>
    </w:p>
    <w:p w14:paraId="06E997E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K3 = lookupTable.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3;</w:t>
      </w:r>
      <w:proofErr w:type="gramEnd"/>
    </w:p>
    <w:p w14:paraId="4A743A9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arithmeticDe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minimizedArra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F8F1B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inarySearchReconstruc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K1, K2, K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5D2C0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floor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)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* floor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2)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6E034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87F5C6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l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908D76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otalACRow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33D3BA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totalACRow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lsA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2735D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otalElemen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min(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49325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totalElements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totalElements);</w:t>
      </w:r>
      <w:proofErr w:type="gramEnd"/>
    </w:p>
    <w:p w14:paraId="491D77D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arithmeticDe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ompressedData.diffD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8B687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iffD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32A22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826EC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CDFC6B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img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)-blockSize+1</w:t>
      </w:r>
    </w:p>
    <w:p w14:paraId="0FD83EB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img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2)-blockSize+1</w:t>
      </w:r>
    </w:p>
    <w:p w14:paraId="75E9D3B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gt;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length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266BA49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reak;</w:t>
      </w:r>
      <w:proofErr w:type="gramEnd"/>
    </w:p>
    <w:p w14:paraId="0A95120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13E1C86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D2B95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1, 1)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1C295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(blockIndex-1)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56B1BC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d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art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914FF4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dRow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lt;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)</w:t>
      </w:r>
    </w:p>
    <w:p w14:paraId="65920EC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: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shap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CMatri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artRow:endRow</w:t>
      </w:r>
      <w:proofErr w:type="spellEnd"/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: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owsAC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lsAC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4E974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750F541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compressedImag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i:i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+blockSize-1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j:j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+blockSize-1) = idct2(block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ationFactor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19DE8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379E74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36AAAEF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4D08071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4804B56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En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put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77B0052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nput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6C2E07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6D29344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rithmeticDecod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60C770D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encod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E40DB6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792E869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inarySearchReconstruc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K1, K2, K3)</w:t>
      </w:r>
    </w:p>
    <w:p w14:paraId="08EF20B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, 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* 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C69A5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561BEC9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duc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(i-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)*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3+1) = 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inimizedArra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- K2 - K3) /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K1;</w:t>
      </w:r>
      <w:proofErr w:type="gramEnd"/>
    </w:p>
    <w:p w14:paraId="0850802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6298E5EB" w14:textId="13501D99" w:rsid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2BB74145" w14:textId="77777777" w:rsidR="0090453F" w:rsidRDefault="0090453F" w:rsidP="0090453F">
      <w:pPr>
        <w:rPr>
          <w:rFonts w:ascii="Courier New" w:hAnsi="Courier New" w:cs="Courier New"/>
          <w:sz w:val="20"/>
          <w:szCs w:val="20"/>
        </w:rPr>
      </w:pPr>
    </w:p>
    <w:p w14:paraId="287EC137" w14:textId="58490420" w:rsidR="0090453F" w:rsidRDefault="0090453F" w:rsidP="0090453F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>.</w:t>
      </w:r>
      <w:r>
        <w:rPr>
          <w:b/>
          <w:bCs/>
          <w:sz w:val="24"/>
          <w:szCs w:val="24"/>
          <w:lang w:val="en-US"/>
        </w:rPr>
        <w:t>7</w:t>
      </w:r>
      <w:r w:rsidRPr="00287599">
        <w:rPr>
          <w:b/>
          <w:bCs/>
          <w:sz w:val="24"/>
          <w:szCs w:val="24"/>
          <w:lang w:val="en-US"/>
        </w:rPr>
        <w:t xml:space="preserve"> </w:t>
      </w:r>
      <w:r w:rsidRPr="0090453F">
        <w:rPr>
          <w:b/>
          <w:bCs/>
          <w:sz w:val="24"/>
          <w:szCs w:val="24"/>
        </w:rPr>
        <w:t>3D DCT-based compression</w:t>
      </w:r>
    </w:p>
    <w:p w14:paraId="21C7302D" w14:textId="77777777" w:rsidR="0090453F" w:rsidRPr="008129B4" w:rsidRDefault="0090453F" w:rsidP="0090453F">
      <w:pPr>
        <w:rPr>
          <w:u w:val="single"/>
          <w:lang w:val="en-US"/>
        </w:rPr>
      </w:pPr>
      <w:r w:rsidRPr="008129B4">
        <w:rPr>
          <w:u w:val="single"/>
          <w:lang w:val="en-US"/>
        </w:rPr>
        <w:t>Image Quality Evaluation</w:t>
      </w:r>
    </w:p>
    <w:p w14:paraId="235505B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n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')); ...</w:t>
      </w:r>
    </w:p>
    <w:p w14:paraId="0FC927C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i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308DA0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A0663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57DACD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15B6BD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B44435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4D8113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001A003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00871A8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5A11204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113D3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3) == 3</w:t>
      </w:r>
    </w:p>
    <w:p w14:paraId="566572B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EDCDB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19FA928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Q] = dct3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compressio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D4B1E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guided_deblockin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B9580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4F7333C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9713D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6BE10D2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33C34AA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145B5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3601BF1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0C0FE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CAB5C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CACA19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5BFA89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B2C1F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8C884F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A1B5D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CA0FA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17C6B6D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3D60E25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D72E9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lse</w:t>
      </w:r>
    </w:p>
    <w:p w14:paraId="0222552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A29A94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2B4F3EF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A3063F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D782F2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B5FA5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5E52535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753379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E88B50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0D94F20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Data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16E55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768334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3844FB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15F2CAF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60408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6D97CDE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C43CB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59174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E016C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D6AB6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Q] = dct3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compressio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5F7A89D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0643C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addedHeigh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height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A63519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addedWidth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width 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F3D99C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paddedHeigh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addedWidth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40EFD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1:height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width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B3DB35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addedWidth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915FF3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addedHeigh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BEC254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blocks3D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4, 4, 4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Y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5E5E1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bx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BlocksX</w:t>
      </w:r>
      <w:proofErr w:type="gramEnd"/>
    </w:p>
    <w:p w14:paraId="284CA7F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by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BlocksY</w:t>
      </w:r>
      <w:proofErr w:type="gramEnd"/>
    </w:p>
    <w:p w14:paraId="1FD59D0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(by-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)*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blockSize+1:by*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(bx-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)*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blockSize+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x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*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F6FD7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R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1: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, 1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7E67E20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G1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1: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, 2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725802A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G2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2: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, 1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356AE3A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(2: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, 2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60ABC0C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s3D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1, bx, by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;</w:t>
      </w:r>
      <w:proofErr w:type="gramEnd"/>
    </w:p>
    <w:p w14:paraId="380E6C1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s3D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2, bx, by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G1;</w:t>
      </w:r>
      <w:proofErr w:type="gramEnd"/>
    </w:p>
    <w:p w14:paraId="1C55FFE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s3D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3, bx, by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G2;</w:t>
      </w:r>
      <w:proofErr w:type="gramEnd"/>
    </w:p>
    <w:p w14:paraId="2A48292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s3D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4, bx, by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;</w:t>
      </w:r>
      <w:proofErr w:type="gramEnd"/>
    </w:p>
    <w:p w14:paraId="2D60636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65D2989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5B34FD2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zeros(size(blocks3D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E167C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bx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BlocksX</w:t>
      </w:r>
      <w:proofErr w:type="gramEnd"/>
    </w:p>
    <w:p w14:paraId="54576BF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by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BlocksY</w:t>
      </w:r>
      <w:proofErr w:type="gramEnd"/>
    </w:p>
    <w:p w14:paraId="38D532A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quee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blocks3D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:, bx, by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040CC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:, bx, by) = butterfly_dct3(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6BE4C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7A35352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6645319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Q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ga_optimize_quantiza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8B999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ound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/ Q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8EF5E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zigzagIndic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</w:p>
    <w:p w14:paraId="347BF7B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1, 2, 6, 7, 15, 16, 28, 29, ...</w:t>
      </w:r>
    </w:p>
    <w:p w14:paraId="12DB9AD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3, 5, 8, 14, 17, 27, 30, 43, ...</w:t>
      </w:r>
    </w:p>
    <w:p w14:paraId="0DD04F7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4, 9, 13, 18, 26, 31, 42, 44, ...</w:t>
      </w:r>
    </w:p>
    <w:p w14:paraId="0B85AA3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10, 12, 19, 25, 32, 41, 45, 54, ...</w:t>
      </w:r>
    </w:p>
    <w:p w14:paraId="21E041A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11, 20, 24, 33, 40, 46, 53, 55, ...</w:t>
      </w:r>
    </w:p>
    <w:p w14:paraId="33442BB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21, 23, 34, 39, 47, 52, 56, 60, ...</w:t>
      </w:r>
    </w:p>
    <w:p w14:paraId="594DE93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22, 35, 38, 48, 51, 57, 59, 61, ...</w:t>
      </w:r>
    </w:p>
    <w:p w14:paraId="1CF8C5B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36, 37, 49, 50, 58, 62, 63, 64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EC6A69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5F110B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bx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BlocksX</w:t>
      </w:r>
      <w:proofErr w:type="gramEnd"/>
    </w:p>
    <w:p w14:paraId="3C1C43D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by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BlocksY</w:t>
      </w:r>
      <w:proofErr w:type="gramEnd"/>
    </w:p>
    <w:p w14:paraId="2363112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:, bx, by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94F52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shapedBloc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block, [64, 1]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8DD50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zigzagged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shapedBloc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zigzagIndice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322AA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;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igzagged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]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729C5DC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73C786C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488A12C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coded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Q;</w:t>
      </w:r>
      <w:proofErr w:type="gramEnd"/>
    </w:p>
    <w:p w14:paraId="7400173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paddedHeigh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addedWidth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87838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bx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BlocksX</w:t>
      </w:r>
      <w:proofErr w:type="gramEnd"/>
    </w:p>
    <w:p w14:paraId="63CDB74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by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BlocksY</w:t>
      </w:r>
      <w:proofErr w:type="gramEnd"/>
    </w:p>
    <w:p w14:paraId="65FCBB1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queeze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ecodedBlock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:, bx, by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A33AB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patialBloc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0FC5D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spatialBloc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1: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, 1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) = 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25704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spatialBloc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1: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, 2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) = 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2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51C70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spatialBloc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2: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, 1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) = 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4C88C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spatialBloc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2: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, 2: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) = 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:, 4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28B15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(by-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)*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blockSize+1:by*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(bx-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)*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blockSize+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bx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*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spatialBlock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227DEC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5E9A240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5A65E38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econstructed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1:height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width);</w:t>
      </w:r>
      <w:proofErr w:type="gramEnd"/>
    </w:p>
    <w:p w14:paraId="11D7C0D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1D0CB99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D = butterfly_dct3(block)</w:t>
      </w:r>
    </w:p>
    <w:p w14:paraId="0C37A68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N, ~, ~] = size(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FC3B0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C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mt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N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710E9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D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N, N, N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48FC7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470B0E2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0E2A66E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D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j) = C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quee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block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(:,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j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BA6E0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0A1AFE2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4894ACD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0AB8181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5381E01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, :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j) = (C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queeze(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, :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, j))'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387F684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0ACFC73B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601AE3B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029E058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0346A1B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j, :) = C *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queeze(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j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47B6167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2F8893D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end</w:t>
      </w:r>
    </w:p>
    <w:p w14:paraId="259B7AC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58C2644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Q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ga_optimize_quantiza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348D1FC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Generation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50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2507F88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opulation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20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3DD6C6A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tationRat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0.1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738F226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ossoverRat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0.8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55276BF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lambda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0.5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64658C2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population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itialize_popula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opulation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BF124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gen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Generations</w:t>
      </w:r>
      <w:proofErr w:type="gramEnd"/>
    </w:p>
    <w:p w14:paraId="0B2C302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itness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valuate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population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lambda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3F977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parents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elect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aren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population, fitness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A2878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offspring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erform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crossove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parents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ossoverRat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35EA9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offspring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erform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uta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offspring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tationRat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762EB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population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offspring;</w:t>
      </w:r>
      <w:proofErr w:type="gramEnd"/>
    </w:p>
    <w:p w14:paraId="3CEB570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2B77AAD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~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ax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evaluate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population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lambda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E21CD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Q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shape(populatio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:), [4, 4, 4]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799EC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25CC178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population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nitialize_popula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opulation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21AE449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population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rand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[8, 64]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opulation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4*4*4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358B474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3B3B300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fitness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valuate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population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lambda)</w:t>
      </w:r>
    </w:p>
    <w:p w14:paraId="68ADB12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blockDim1, blockDim2, blockDim3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] 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727C6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Individual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population, 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1CA8E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itness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numIndividual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88AC6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Individuals</w:t>
      </w:r>
      <w:proofErr w:type="gramEnd"/>
    </w:p>
    <w:p w14:paraId="514B3A1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Q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shape(population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:), [blockDim1, blockDim2, blockDim3]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FF9D2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xpandedQ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Q, [1, 1, 1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X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BlocksY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]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3DC2F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quantized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ound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xpandedQ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6DE5C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distortion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ea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) - (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quantized(:) .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expandedQ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.^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2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15183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rate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nz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quantized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502CF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itness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 = -(lambda * distortion + (1 - lambda) * rate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DAA26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5D942D1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1893B57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parents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elect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aren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population, fitness)</w:t>
      </w:r>
    </w:p>
    <w:p w14:paraId="75A62AD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Paren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population, 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C751C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itness = fitness - min(fitness)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339A068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probabilities = fitness / sum(fitness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F8655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umulativeProb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probabilities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53DF3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parents = zeros(size(population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A643E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Parents</w:t>
      </w:r>
      <w:proofErr w:type="gramEnd"/>
    </w:p>
    <w:p w14:paraId="0388AEF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r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and;</w:t>
      </w:r>
      <w:proofErr w:type="gramEnd"/>
    </w:p>
    <w:p w14:paraId="2DAC373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selected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fin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cumulativeProb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gt;= r, 1, 'first'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CEB60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arent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: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opulatio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selected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:);</w:t>
      </w:r>
      <w:proofErr w:type="gramEnd"/>
    </w:p>
    <w:p w14:paraId="0F2B341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0779491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52F6CEA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offspring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erform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crossove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parents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ossoverRat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6163A75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Parent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parents, 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170B3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offspring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arents;</w:t>
      </w:r>
      <w:proofErr w:type="gramEnd"/>
    </w:p>
    <w:p w14:paraId="5A173F8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2:numParents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-1</w:t>
      </w:r>
    </w:p>
    <w:p w14:paraId="48ED47D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if rand &lt;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ossoverRate</w:t>
      </w:r>
      <w:proofErr w:type="spellEnd"/>
    </w:p>
    <w:p w14:paraId="51E980C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rossoverPoin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rand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parents, 2) - 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FE60A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offspring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crossoverPoint+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arents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i+1, crossoverPoint+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0ACEEB5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offspring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i+1, crossoverPoint+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parents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crossoverPoint+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3F2842E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069C466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end</w:t>
      </w:r>
    </w:p>
    <w:p w14:paraId="3445C21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7334FDE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mutated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perform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utat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offspring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tationRat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52FD23D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Individual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offspring, 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54CD7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numGene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offspring, 2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5A35D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mutated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offspring;</w:t>
      </w:r>
      <w:proofErr w:type="gramEnd"/>
    </w:p>
    <w:p w14:paraId="23CFCE5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Individuals</w:t>
      </w:r>
      <w:proofErr w:type="gramEnd"/>
    </w:p>
    <w:p w14:paraId="762B047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numGenes</w:t>
      </w:r>
      <w:proofErr w:type="gramEnd"/>
    </w:p>
    <w:p w14:paraId="6B58346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if rand &lt;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mutationRate</w:t>
      </w:r>
      <w:proofErr w:type="spellEnd"/>
    </w:p>
    <w:p w14:paraId="31DF638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utated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randi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[8, 64]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61F9311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2FDD286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5263EA9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5E2B36EF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3AE762B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guided_deblockin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59C3C66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hresholdSMSD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5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46A00E4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lambda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0.1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      </w:t>
      </w:r>
    </w:p>
    <w:p w14:paraId="05517D7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47CBE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blocked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76605D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5FFA769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for x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Size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width-1</w:t>
      </w:r>
    </w:p>
    <w:p w14:paraId="26A4AA9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for y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blockSize:block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height-1</w:t>
      </w:r>
    </w:p>
    <w:p w14:paraId="163148F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xtract_boundary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x, y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C9B52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msd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ute_smsd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3674B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msd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thresholdSMSDS</w:t>
      </w:r>
      <w:proofErr w:type="spellEnd"/>
    </w:p>
    <w:p w14:paraId="3827DC6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continue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6C3F526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5449245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pply_frequency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filte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lambda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03FF3D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blocked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update_boundary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deblocked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x, y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6394A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    end</w:t>
      </w:r>
    </w:p>
    <w:p w14:paraId="684A040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end</w:t>
      </w:r>
    </w:p>
    <w:p w14:paraId="7A88B5E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blocked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9B7AF2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46C6EFE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extract_boundary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x, y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58EDC25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4451A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xStar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ax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, x-blockSize+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FD3E4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xE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width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x+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4BC02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Star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ax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, y-blockSize+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176A2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E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height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+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4FB62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Start:yEnd</w:t>
      </w:r>
      <w:proofErr w:type="spellEnd"/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xStart:xE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0ADBAA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0F99F422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msd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compute_smsd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20377AFE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fft2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76366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abs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reqCoeffs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.^2;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 </w:t>
      </w:r>
    </w:p>
    <w:p w14:paraId="5112800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smsd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sum(abs(diff(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:))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C6B8F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5BB240C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iltered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apply_frequency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filte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, lambda)</w:t>
      </w:r>
    </w:p>
    <w:p w14:paraId="606B1D5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fft2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510AF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oundaryRegion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1E6B5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u, v]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meshgri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1:width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height);</w:t>
      </w:r>
      <w:proofErr w:type="gramEnd"/>
    </w:p>
    <w:p w14:paraId="3208B8A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ridgeFilte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 .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/ (1 + lambda * (u.^2 + v.^2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9FD20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ilteredFreqCoeff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ridgeFilter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54932B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iltered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real(ifft2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filteredFreqCoeffs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2B0D44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52A8B68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update_boundary_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, x, y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)</w:t>
      </w:r>
    </w:p>
    <w:p w14:paraId="2D6E53A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8CBB0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xStar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ax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, x-blockSize+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DF0220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xE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width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x+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567E20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Star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ax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1, y-blockSize+1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3156B5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E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min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height,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+blockSize</w:t>
      </w:r>
      <w:proofErr w:type="spellEnd"/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D849B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blockedX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xE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xStar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091349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blockedYSize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End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Star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D9B84C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1:deblockedYSize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1:deblockedXSize);</w:t>
      </w:r>
      <w:proofErr w:type="gramEnd"/>
    </w:p>
    <w:p w14:paraId="7240E2A3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mg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yStart:yEnd</w:t>
      </w:r>
      <w:proofErr w:type="spellEnd"/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xStart:xEnd</w:t>
      </w:r>
      <w:proofErr w:type="spellEnd"/>
      <w:proofErr w:type="gramEnd"/>
      <w:r w:rsidRPr="0090453F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E437117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3C564C28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D = dct3(block)</w:t>
      </w:r>
    </w:p>
    <w:p w14:paraId="55B47B56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D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dc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dc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block, [], 1), [], 2), [], 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EC8629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17E3864C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function block = idct3(D)</w:t>
      </w:r>
    </w:p>
    <w:p w14:paraId="0EA3DC51" w14:textId="77777777" w:rsidR="0090453F" w:rsidRP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 xml:space="preserve">    block = </w:t>
      </w:r>
      <w:proofErr w:type="spellStart"/>
      <w:proofErr w:type="gramStart"/>
      <w:r w:rsidRPr="0090453F">
        <w:rPr>
          <w:rFonts w:ascii="Courier New" w:hAnsi="Courier New" w:cs="Courier New"/>
          <w:sz w:val="20"/>
          <w:szCs w:val="20"/>
        </w:rPr>
        <w:t>idc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c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spellStart"/>
      <w:r w:rsidRPr="0090453F">
        <w:rPr>
          <w:rFonts w:ascii="Courier New" w:hAnsi="Courier New" w:cs="Courier New"/>
          <w:sz w:val="20"/>
          <w:szCs w:val="20"/>
        </w:rPr>
        <w:t>idct</w:t>
      </w:r>
      <w:proofErr w:type="spellEnd"/>
      <w:r w:rsidRPr="0090453F">
        <w:rPr>
          <w:rFonts w:ascii="Courier New" w:hAnsi="Courier New" w:cs="Courier New"/>
          <w:sz w:val="20"/>
          <w:szCs w:val="20"/>
        </w:rPr>
        <w:t>(</w:t>
      </w:r>
      <w:proofErr w:type="gramEnd"/>
      <w:r w:rsidRPr="0090453F">
        <w:rPr>
          <w:rFonts w:ascii="Courier New" w:hAnsi="Courier New" w:cs="Courier New"/>
          <w:sz w:val="20"/>
          <w:szCs w:val="20"/>
        </w:rPr>
        <w:t>D, [], 1), [], 2), [], 3</w:t>
      </w:r>
      <w:proofErr w:type="gramStart"/>
      <w:r w:rsidRPr="0090453F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A999D0" w14:textId="3F47C693" w:rsidR="0090453F" w:rsidRDefault="0090453F" w:rsidP="0090453F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90453F">
        <w:rPr>
          <w:rFonts w:ascii="Courier New" w:hAnsi="Courier New" w:cs="Courier New"/>
          <w:sz w:val="20"/>
          <w:szCs w:val="20"/>
        </w:rPr>
        <w:t>end</w:t>
      </w:r>
    </w:p>
    <w:p w14:paraId="7BDFA6C3" w14:textId="77777777" w:rsidR="0090453F" w:rsidRDefault="0090453F" w:rsidP="0090453F">
      <w:pPr>
        <w:rPr>
          <w:rFonts w:ascii="Courier New" w:hAnsi="Courier New" w:cs="Courier New"/>
          <w:sz w:val="20"/>
          <w:szCs w:val="20"/>
        </w:rPr>
      </w:pPr>
    </w:p>
    <w:p w14:paraId="724EBFA7" w14:textId="77777777" w:rsidR="0090453F" w:rsidRPr="00287599" w:rsidRDefault="0090453F" w:rsidP="0090453F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4125D8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)); ...</w:t>
      </w:r>
    </w:p>
    <w:p w14:paraId="63EDF99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B8CDDB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22706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  </w:t>
      </w:r>
    </w:p>
    <w:p w14:paraId="123DE3E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6B5BC96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3B4AB4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BF9DB5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5FCB6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250C115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5B02942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0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FB13B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730CC2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) == 3</w:t>
      </w:r>
    </w:p>
    <w:p w14:paraId="4615624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D68947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0145C1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Q] = dct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ompressio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1CD2E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uided_deblocki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D433A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3BCE3C9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F6A20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DB1C89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48694CF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BA0F6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ED7EF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182CAB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B9BC2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6473330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7962B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CDECA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77FC0C5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1B7271C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1084734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p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4465DC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time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5A887AF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40E2A0F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Q] = dct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ompressio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5144E20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A0851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Heigh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height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B1E3C3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Widt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il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width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1F9C02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paddedHeigh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Width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4EA49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height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width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50DF73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Widt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3D1230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Heigh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93A035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s3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4, 4, 4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Y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9FBA4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bx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X</w:t>
      </w:r>
      <w:proofErr w:type="gramEnd"/>
    </w:p>
    <w:p w14:paraId="77B96E0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b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Y</w:t>
      </w:r>
      <w:proofErr w:type="gramEnd"/>
    </w:p>
    <w:p w14:paraId="1FBE427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(by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Size+1:by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(bx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Size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bx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0936F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R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(1:2:end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, 1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398F344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G1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(1:2:end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, 2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45D502E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G2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(2:2:end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, 1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17DDF8F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(2:2:end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, 2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39A5F94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s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1, bx, by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;</w:t>
      </w:r>
      <w:proofErr w:type="gramEnd"/>
    </w:p>
    <w:p w14:paraId="2F58B37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s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2, bx, by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G1;</w:t>
      </w:r>
      <w:proofErr w:type="gramEnd"/>
    </w:p>
    <w:p w14:paraId="78E9CF8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s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3, bx, by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G2;</w:t>
      </w:r>
      <w:proofErr w:type="gramEnd"/>
    </w:p>
    <w:p w14:paraId="3CCBF63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s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4, bx, by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;</w:t>
      </w:r>
      <w:proofErr w:type="gramEnd"/>
    </w:p>
    <w:p w14:paraId="77B26DF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13321EA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4CE0EC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zeros(size(blocks3D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019F80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bx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X</w:t>
      </w:r>
      <w:proofErr w:type="gramEnd"/>
    </w:p>
    <w:p w14:paraId="2F4C270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b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Y</w:t>
      </w:r>
      <w:proofErr w:type="gramEnd"/>
    </w:p>
    <w:p w14:paraId="17827B0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quee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s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:, bx, by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B6B7E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:, bx, by) = butterfly_dct3(bloc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BAC6A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7F63E06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5A523F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Q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a_optimize_quantiz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6286E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Q = Q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2DDD947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ound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/ Q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95AFE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18A623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bx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X</w:t>
      </w:r>
      <w:proofErr w:type="gramEnd"/>
    </w:p>
    <w:p w14:paraId="04E60F3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b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Y</w:t>
      </w:r>
      <w:proofErr w:type="gramEnd"/>
    </w:p>
    <w:p w14:paraId="08E2EF9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ized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:, bx, by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0E9E0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shaped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, [64,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D0ECB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;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eshaped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1615626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4D6DA9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30A369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ded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quantized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Q;</w:t>
      </w:r>
      <w:proofErr w:type="gramEnd"/>
    </w:p>
    <w:p w14:paraId="39DCC68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paddedHeigh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Width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B7E43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for bx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X</w:t>
      </w:r>
      <w:proofErr w:type="gramEnd"/>
    </w:p>
    <w:p w14:paraId="5ABAAF9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b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Y</w:t>
      </w:r>
      <w:proofErr w:type="gramEnd"/>
    </w:p>
    <w:p w14:paraId="46EE90F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quee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coded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:, bx, by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93B2EA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1),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, 'neare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7A03A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(by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Size+1:by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(bx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Size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bx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9EBEE7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5B285DB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6A013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height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width);</w:t>
      </w:r>
      <w:proofErr w:type="gramEnd"/>
    </w:p>
    <w:p w14:paraId="3616A75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E1EDE3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D = butterfly_dct3(block)</w:t>
      </w:r>
    </w:p>
    <w:p w14:paraId="2140D35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N, ~, ~] = size(bloc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F913F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mt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N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7EBBC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N, N, N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F66FC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2529E3E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5318F5E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j) = C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quee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j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9D6DD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558C88C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B6938A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5EAF352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02964AB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, :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j) = (C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queeze(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, :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, j))'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ABD47D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2A7ACD0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4417FA3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66E772D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582E626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j, :) = C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queeze(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j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0682B6C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5FAADF8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94F670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3630A84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Q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a_optimize_quantiz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03B5584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Generation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0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5F079DF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pulation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0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244CDB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tationRat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.1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649511B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ossoverRat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.8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5D6703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lambda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.5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E9B4DF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opulation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itialize_popul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pulation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0BA73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gen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Generations</w:t>
      </w:r>
      <w:proofErr w:type="gramEnd"/>
    </w:p>
    <w:p w14:paraId="551BE88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itnes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valu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opulation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lambda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B4C90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parent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ele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population, fitnes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90012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offspring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erform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rossov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arents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ossoverRat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89348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offspring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erform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ut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offspring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tationRat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B1B09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population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ffspring;</w:t>
      </w:r>
      <w:proofErr w:type="gramEnd"/>
    </w:p>
    <w:p w14:paraId="28D10AA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6930C3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~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ax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evalu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opulation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lambda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48D93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Q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populatio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bestInde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:), [4, 4, 4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C141F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40D2CD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population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itialize_popul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pulation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387D880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opulation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and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[8, 64]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pulation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4*4*4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2D915B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D21FF4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fitnes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valu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opulation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lambda)</w:t>
      </w:r>
    </w:p>
    <w:p w14:paraId="3C4AB6F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blockDim1, blockDim2, blockDim3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5AAEE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Individua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population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F38C3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itness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numIndividua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57B0D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Individuals</w:t>
      </w:r>
      <w:proofErr w:type="gramEnd"/>
    </w:p>
    <w:p w14:paraId="2728EAA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Q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populatio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:), [blockDim1, blockDim2, blockDim3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BFA0E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pandedQ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Q, [1, 1, 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D8C7E4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quantize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ound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pandedQ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D56B1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distortion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) - 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quantized(:)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expandedQ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.^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7B4B5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rate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n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quantize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073D7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itness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= -(lambda * distortion + (1 - lambda) * rat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CD38A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58020F6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621645A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parent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ele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population, fitness)</w:t>
      </w:r>
    </w:p>
    <w:p w14:paraId="0B7BD47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Par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population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92B22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itness = fitness - min(fitness)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1ECA0CC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robabilities = fitness / sum(fitnes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58795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mulativePro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msu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probabilitie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33088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arents = zeros(size(population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DAA5F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Parents</w:t>
      </w:r>
      <w:proofErr w:type="gramEnd"/>
    </w:p>
    <w:p w14:paraId="0C1DD1C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r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and;</w:t>
      </w:r>
      <w:proofErr w:type="gramEnd"/>
    </w:p>
    <w:p w14:paraId="6F06232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selecte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in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umulativePro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gt;= r, 1, 'fir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7F50C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: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pulatio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selected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:);</w:t>
      </w:r>
      <w:proofErr w:type="gramEnd"/>
    </w:p>
    <w:p w14:paraId="044BCD2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6B0ADEC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B10A72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offspring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erform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rossov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arents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ossoverRat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68E91B3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Par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parents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C618F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ffspring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;</w:t>
      </w:r>
      <w:proofErr w:type="gramEnd"/>
    </w:p>
    <w:p w14:paraId="37B7E1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2:numParents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-1</w:t>
      </w:r>
    </w:p>
    <w:p w14:paraId="24508A9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if rand &l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ossoverRate</w:t>
      </w:r>
      <w:proofErr w:type="spellEnd"/>
    </w:p>
    <w:p w14:paraId="40E2655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ossoverPoin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and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parents, 2) -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57100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ffspring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crossoverPoint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i+1, crossoverPoint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4F0DB5D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ffspring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i+1, crossoverPoint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crossoverPoint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end);</w:t>
      </w:r>
      <w:proofErr w:type="gramEnd"/>
    </w:p>
    <w:p w14:paraId="5C055A1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545DD03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2E08A53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CB8134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mutat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erform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ut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offspring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tationRat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5CC7E61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Individua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offspring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D266F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Gen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offspring, 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C488B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mutate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ffspring;</w:t>
      </w:r>
      <w:proofErr w:type="gramEnd"/>
    </w:p>
    <w:p w14:paraId="7BBE9C4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Individuals</w:t>
      </w:r>
      <w:proofErr w:type="gramEnd"/>
    </w:p>
    <w:p w14:paraId="5A7EB6B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Genes</w:t>
      </w:r>
      <w:proofErr w:type="gramEnd"/>
    </w:p>
    <w:p w14:paraId="4A34AA2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if rand &l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tationRate</w:t>
      </w:r>
      <w:proofErr w:type="spellEnd"/>
    </w:p>
    <w:p w14:paraId="617076E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utate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j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and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[8, 64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328F5D5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40FD3E2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4E47478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F90A1B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0A99043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uided_deblocki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2B43427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hresholdSMSD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E59A79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lambda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.1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     </w:t>
      </w:r>
    </w:p>
    <w:p w14:paraId="607E6BC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FA503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block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9E354E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013CC10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x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Size:block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width-1</w:t>
      </w:r>
    </w:p>
    <w:p w14:paraId="12C5788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Size:block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height-1</w:t>
      </w:r>
    </w:p>
    <w:p w14:paraId="3CAE27E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tract_boundary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x, y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3E22E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msd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ute_smsd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CE90E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msd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hresholdSMSDS</w:t>
      </w:r>
      <w:proofErr w:type="spellEnd"/>
    </w:p>
    <w:p w14:paraId="1199A73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ontinue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EB1B5B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1295E0B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pply_frequency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ilt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lambda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D98F4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block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pdate_boundary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block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x, y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5ACB1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612D4C6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21D9D81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eblock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D44238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A12DF5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tract_boundary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x, y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410EA70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2BA29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xStar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, x-blockSize+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0896C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xE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width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x+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8C2A2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Star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, y-blockSize+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3AE5C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E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height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+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8EC11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Start:yEnd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xStart:xE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91699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318D8DF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msd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ute_smsd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1E8C261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fft2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9DB5F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abs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reqCoeff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.^2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1A59AEE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msd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um(abs(diff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)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96966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>end</w:t>
      </w:r>
    </w:p>
    <w:p w14:paraId="1515AAC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ltered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pply_frequency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ilt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lambda)</w:t>
      </w:r>
    </w:p>
    <w:p w14:paraId="7B4567F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fft2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B32AA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oundaryRegion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77348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u, v]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meshgri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width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height);</w:t>
      </w:r>
      <w:proofErr w:type="gramEnd"/>
    </w:p>
    <w:p w14:paraId="4C2741A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idgeFilt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/ (1 + lambda * (u.^2 + v.^2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0DEA3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lteredFreqCoeff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reqCoeff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idgeFilt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5DE742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ltered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real(ifft2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lteredFreqCoeff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1ADCE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5B99508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pdate_boundary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x, y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23B21C6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height, width]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F7E34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xStar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, x-blockSize+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D7B29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xE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width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x+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EA94A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Star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, y-blockSize+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56E1E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E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height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+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253D1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blockedX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xE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xStar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CA4D9C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blockedY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E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Star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B441D0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deblockedY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deblockedXSize);</w:t>
      </w:r>
      <w:proofErr w:type="gramEnd"/>
    </w:p>
    <w:p w14:paraId="3F1B99E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yStart:yEnd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xStart:xEnd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eblocked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0EBD10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1BF473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D = dct3(block)</w:t>
      </w:r>
    </w:p>
    <w:p w14:paraId="721C205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, [], 1), [], 2), [], 3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1159C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00AE461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block = idct3(D)</w:t>
      </w:r>
    </w:p>
    <w:p w14:paraId="38C2D00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D, [], 1), [], 2), [], 3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845F73" w14:textId="24B415FB" w:rsidR="0090453F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6924A96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6BCE094A" w14:textId="77777777" w:rsidR="00AB4CC4" w:rsidRDefault="00AB4CC4" w:rsidP="00AB4CC4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1B3EEB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lc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7DB1D0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w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F55A4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'\\stafffiles.win.canberra.edu.au\\homes$\\s443807\\My Documents\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\10 images\\Image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E9438B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751B5A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B29F5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976DC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5C16D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7EE5B10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ry</w:t>
      </w:r>
    </w:p>
    <w:p w14:paraId="4CC5B28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5F0CC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) == 3</w:t>
      </w:r>
    </w:p>
    <w:p w14:paraId="747B2F4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D1749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627358F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7E28E2D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ompress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_and_reconstru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92DCD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7A2E3D3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5AEFCB3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3C53C6A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atch</w:t>
      </w:r>
    </w:p>
    <w:p w14:paraId="74F823E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E85E95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256D1F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7C2566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578E36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3D DCT-Based Compression Timing Benchmark:\n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B83B7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CEDAE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B0244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reconstruct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_and_reconstru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756DCFA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256 256]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C320B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mg_3d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1, 1, 3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28CBD6F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ct3d = butterfly_dct3(img_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038A1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_param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a_optimize_quantiz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dct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D4861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quantize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oun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dct3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_param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28167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ilter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uided_deblocki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quantize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F38AD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equantize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iltered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am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322DE6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reconstructed = idct3(dequantize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BB165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reconstructed = reconstructe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6356052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6100C9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o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butterfly_dct3(img3d)</w:t>
      </w:r>
    </w:p>
    <w:p w14:paraId="60C101B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h, w, d] = size(img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6C585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o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h, w, 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861A0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h</w:t>
      </w:r>
    </w:p>
    <w:p w14:paraId="2DA0AA1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w</w:t>
      </w:r>
      <w:proofErr w:type="gramEnd"/>
    </w:p>
    <w:p w14:paraId="07AA661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,j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: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squeeze(img3d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,j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>,: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1B2E2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40C5CDE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F78106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h</w:t>
      </w:r>
    </w:p>
    <w:p w14:paraId="3C1AD75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d</w:t>
      </w:r>
      <w:proofErr w:type="gramEnd"/>
    </w:p>
    <w:p w14:paraId="6CC4628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k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05804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7F181C7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5B0892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w</w:t>
      </w:r>
      <w:proofErr w:type="gramEnd"/>
    </w:p>
    <w:p w14:paraId="72E7B0A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d</w:t>
      </w:r>
      <w:proofErr w:type="gramEnd"/>
    </w:p>
    <w:p w14:paraId="3D71C7B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ou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j,k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ou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j,k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06D26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0DC291F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C673ED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FE2DD8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optimiz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a_optimize_quantiz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coeff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5D5A58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opulation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itializ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0,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coeff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FFC84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gen = 1:5</w:t>
      </w:r>
    </w:p>
    <w:p w14:paraId="08B44FB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itnes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valu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opulation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coeff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62472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parent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ele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population, fitnes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D50040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offspring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erform_crossov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parent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B6384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population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erform_mut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offspring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99280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CA1452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ptimize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pulation{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11E77E6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8E911F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population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itializ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n, size3d)</w:t>
      </w:r>
    </w:p>
    <w:p w14:paraId="2062A3F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opulation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ll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, n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3A25E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</w:t>
      </w:r>
      <w:proofErr w:type="gramEnd"/>
    </w:p>
    <w:p w14:paraId="68CD1EE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population{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} = rand(size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286EA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4A29AD2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3BE4524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score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valu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pul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population, original)</w:t>
      </w:r>
    </w:p>
    <w:p w14:paraId="41359F4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cores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population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2D0C3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population)</w:t>
      </w:r>
    </w:p>
    <w:p w14:paraId="783A592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diff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ab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original - population{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}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7ABF0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scores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um(diff(:));</w:t>
      </w:r>
      <w:proofErr w:type="gramEnd"/>
    </w:p>
    <w:p w14:paraId="0CFE45D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1C9C65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04CA8F7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select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ele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population, fitness)</w:t>
      </w:r>
    </w:p>
    <w:p w14:paraId="69ED660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~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sort(fitnes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6FBFB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elected = population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:2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1A603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6BE8FEA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offspring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erform_crossov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parents)</w:t>
      </w:r>
    </w:p>
    <w:p w14:paraId="647F52F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ffspring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ll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, 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9EDFE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h, w, d] = size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{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}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00FC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oss_poin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oun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[h, w, d]/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E1F64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hild1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{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00B229F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child2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{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4DFF8BE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hild1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ross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int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, :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, :) = parents{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}(1:cross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int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, :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:);</w:t>
      </w:r>
      <w:proofErr w:type="gramEnd"/>
    </w:p>
    <w:p w14:paraId="5FA614F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hild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ross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int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2), :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rents{1}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ross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oint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2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:);</w:t>
      </w:r>
      <w:proofErr w:type="gramEnd"/>
    </w:p>
    <w:p w14:paraId="017F036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ffspring{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}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hild1;</w:t>
      </w:r>
      <w:proofErr w:type="gramEnd"/>
    </w:p>
    <w:p w14:paraId="00B143D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ffspring{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2}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hild2;</w:t>
      </w:r>
      <w:proofErr w:type="gramEnd"/>
    </w:p>
    <w:p w14:paraId="2B84009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0216BD3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mutat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erform_muta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offspring)</w:t>
      </w:r>
    </w:p>
    <w:p w14:paraId="3D66905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mutated = cell(size(offspring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BBF3C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el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offspring)</w:t>
      </w:r>
    </w:p>
    <w:p w14:paraId="1F84A2E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noise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and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size(offspring{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})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.01;</w:t>
      </w:r>
      <w:proofErr w:type="gramEnd"/>
    </w:p>
    <w:p w14:paraId="3E6AC1A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mutated{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} = offspring{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}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noise;</w:t>
      </w:r>
      <w:proofErr w:type="gramEnd"/>
    </w:p>
    <w:p w14:paraId="2092F01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401086F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5516231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deblock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uided_deblocki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quantized)</w:t>
      </w:r>
    </w:p>
    <w:p w14:paraId="4D4E25F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mask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tract_boundar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quantize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1450E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mooth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pply_frequency_filt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quantize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714AC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eblock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oundar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smoothed, mas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4F3E8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641E0F9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mask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tract_boundar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mg3d)</w:t>
      </w:r>
    </w:p>
    <w:p w14:paraId="7048F23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rad_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ff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img3d, 1, 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800F9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rad_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ff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img3d, 1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E2693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rad_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ff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img3d, 1, 3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EB7BF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mas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abs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grad_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0 1 0], 'post')) + ...</w:t>
      </w:r>
    </w:p>
    <w:p w14:paraId="4D0048F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abs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grad_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1 0 0], 'post')) + ...</w:t>
      </w:r>
    </w:p>
    <w:p w14:paraId="1EFB151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abs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grad_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0 0 1], 'post'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64D2B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33F5B67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score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u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msd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original, deblocked)</w:t>
      </w:r>
    </w:p>
    <w:p w14:paraId="7466AFB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core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um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riginal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 -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eblocked(:)).^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2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original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70560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4AA0195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filter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pply_frequency_filt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data)</w:t>
      </w:r>
    </w:p>
    <w:p w14:paraId="7AF8E23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H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speci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gaussian', [3 3], 0.5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0A457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~, ~, d] = size(data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18EEE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iltere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ata;</w:t>
      </w:r>
      <w:proofErr w:type="gramEnd"/>
    </w:p>
    <w:p w14:paraId="0992F97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d</w:t>
      </w:r>
      <w:proofErr w:type="gramEnd"/>
    </w:p>
    <w:p w14:paraId="66798F1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iltere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filt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data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H, 'replicate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0725F8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EC7D4E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33E618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updat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pd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oundar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smoothed, mask)</w:t>
      </w:r>
    </w:p>
    <w:p w14:paraId="3B2F5A5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update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moothed;</w:t>
      </w:r>
      <w:proofErr w:type="gramEnd"/>
    </w:p>
    <w:p w14:paraId="22A8C82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update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mask &gt; 0.5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moothe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mask &gt; 0.5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12EA7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30B8B0F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dct3d = dct3(block)</w:t>
      </w:r>
    </w:p>
    <w:p w14:paraId="3869CB3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ct3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;</w:t>
      </w:r>
      <w:proofErr w:type="gramEnd"/>
    </w:p>
    <w:p w14:paraId="4DA70FB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dct3d,3)</w:t>
      </w:r>
    </w:p>
    <w:p w14:paraId="1D12EBE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dct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 = dct2(dct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F0992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E30CC7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ct3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ermut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dct3d, [3 2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20631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dct3d,3)</w:t>
      </w:r>
    </w:p>
    <w:p w14:paraId="628576B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dct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 = dct2(dct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2827C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608A698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ct3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ermut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dct3d, [3 2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FEA23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BA26A8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idct3d = idct3(block)</w:t>
      </w:r>
    </w:p>
    <w:p w14:paraId="40DDA69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dct3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;</w:t>
      </w:r>
      <w:proofErr w:type="gramEnd"/>
    </w:p>
    <w:p w14:paraId="124DD29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idct3d,3)</w:t>
      </w:r>
    </w:p>
    <w:p w14:paraId="4E95BB5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idct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 = idct2(idct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41889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2A2216B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dct3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ermut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idct3d, [3 2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CD7E9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idct3d,3)</w:t>
      </w:r>
    </w:p>
    <w:p w14:paraId="7E7E04C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idct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 = idct2(idct3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8925D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F7EBA0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idct3d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ermut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idct3d, [3 2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27CC1C" w14:textId="3BB436A0" w:rsid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0451FB5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7FCDD18B" w14:textId="1D0918AC" w:rsidR="00AB4CC4" w:rsidRDefault="00AB4CC4" w:rsidP="00AB4CC4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>.</w:t>
      </w:r>
      <w:r>
        <w:rPr>
          <w:b/>
          <w:bCs/>
          <w:sz w:val="24"/>
          <w:szCs w:val="24"/>
          <w:lang w:val="en-US"/>
        </w:rPr>
        <w:t>8</w:t>
      </w:r>
      <w:r w:rsidRPr="00287599">
        <w:rPr>
          <w:b/>
          <w:bCs/>
          <w:sz w:val="24"/>
          <w:szCs w:val="24"/>
          <w:lang w:val="en-US"/>
        </w:rPr>
        <w:t xml:space="preserve"> </w:t>
      </w:r>
      <w:r w:rsidRPr="00AB4CC4">
        <w:rPr>
          <w:b/>
          <w:bCs/>
          <w:sz w:val="24"/>
          <w:szCs w:val="24"/>
        </w:rPr>
        <w:t>3D DCT-Based Compression with Advanced Optimization</w:t>
      </w:r>
    </w:p>
    <w:p w14:paraId="15ECC872" w14:textId="77777777" w:rsidR="00AB4CC4" w:rsidRPr="008129B4" w:rsidRDefault="00AB4CC4" w:rsidP="00AB4CC4">
      <w:pPr>
        <w:rPr>
          <w:u w:val="single"/>
          <w:lang w:val="en-US"/>
        </w:rPr>
      </w:pPr>
      <w:r w:rsidRPr="008129B4">
        <w:rPr>
          <w:u w:val="single"/>
          <w:lang w:val="en-US"/>
        </w:rPr>
        <w:t>Image Quality Evaluation</w:t>
      </w:r>
    </w:p>
    <w:p w14:paraId="5CE9684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\\stafffiles.win.canberra.edu.au\\homes$\\s443807\\My Documents\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\10 images\\Images', '*.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)); ...</w:t>
      </w:r>
    </w:p>
    <w:p w14:paraId="015241F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\\stafffiles.win.canberra.edu.au\\homes$\\s443807\\My Documents\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\10 images\\Images', '*.jpg'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BB94FD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398E6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E19D94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0B1E91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447DEE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43F7C6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2293E9D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F7D901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0E107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) == 3</w:t>
      </w:r>
    </w:p>
    <w:p w14:paraId="499B331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05107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754934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A29E3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de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9BE62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~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7ED9B8B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90451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6B61E9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rofile = 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round(end/2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63C0BEB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61E78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6AFC3B9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874BB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6FFA4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0E05C7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A490F3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D86DD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CFBB7C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C6879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4B8E9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33A9B9E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114EA42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FCF51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lse</w:t>
      </w:r>
    </w:p>
    <w:p w14:paraId="53543E2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61E1A8E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291A538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20259A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F37053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CFA77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255902B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2CAB31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545A6E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2C20466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38D10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7B6DE1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D720FC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1BD380A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FB9E8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EFE41D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2FCA6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75160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DAFC5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102BE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787094D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0A826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LL, LH, HL, HH] = dwt2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a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3966C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reconstructe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idwt2(zeros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LL)), LH, zeros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HL)), zeros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HH))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a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28FDC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LH_dft = fft2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reconstructed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9D273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mean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ab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LH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ft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F74ED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lt; 0.5) * 8 + 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gt;= 0.5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;</w:t>
      </w:r>
      <w:proofErr w:type="gramEnd"/>
    </w:p>
    <w:p w14:paraId="0D98555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1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0FA0A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2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933EF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, 'po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E4A10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02E5C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ubes = {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5535175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0CC88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Img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</w:t>
      </w:r>
    </w:p>
    <w:p w14:paraId="719B473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Img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</w:t>
      </w:r>
    </w:p>
    <w:p w14:paraId="6D08060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:min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i+cubeSize-1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), ...</w:t>
      </w:r>
    </w:p>
    <w:p w14:paraId="67DC674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  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j:min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j+cubeSize-1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71F65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 = double(bloc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0342C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block, 1) &l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||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block, 2) &l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</w:p>
    <w:p w14:paraId="60251BA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block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,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block, 1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, 2)], 'po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A3270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301CB1A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block) == cubeSize^2</w:t>
      </w:r>
    </w:p>
    <w:p w14:paraId="57D7138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block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block, 1, 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7115EC8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7120BF6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block) == cubeSize^3</w:t>
      </w:r>
    </w:p>
    <w:p w14:paraId="105AC44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cubes{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}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,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528C21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7ABC91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44D9F0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10DA306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D7E972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cubes)</w:t>
      </w:r>
    </w:p>
    <w:p w14:paraId="1C78DF6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Cube formation failed: No valid cubes generated.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41F230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99058C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cubes)</w:t>
      </w:r>
    </w:p>
    <w:p w14:paraId="51AAA6D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s{k}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cubes{k}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CEF95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14169A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@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i, j, k) 3 + 6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1*j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k;</w:t>
      </w:r>
      <w:proofErr w:type="gramEnd"/>
    </w:p>
    <w:p w14:paraId="157E479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cubes)</w:t>
      </w:r>
    </w:p>
    <w:p w14:paraId="288C45B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s{k} = round(cubes{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}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5C491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76DB52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erate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CA736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FBAFE8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cubes)</w:t>
      </w:r>
    </w:p>
    <w:p w14:paraId="23C36A6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 = cubes{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1AD5670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 cub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7DD61B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52F96BF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symbols = uniqu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5B0949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rob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ymbol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; max(symbols)+1]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4129D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symbols, prob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EFE84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AF330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6A456CB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de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04683B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BD0FC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pectedElem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*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2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* cubeSize^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;</w:t>
      </w:r>
      <w:proofErr w:type="gramEnd"/>
    </w:p>
    <w:p w14:paraId="49141CB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~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pectedElements</w:t>
      </w:r>
      <w:proofErr w:type="spellEnd"/>
    </w:p>
    <w:p w14:paraId="239D776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Decompression failed: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size mismatch.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F9D69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DA9956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erate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DD6502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/ (cubeSize^3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CD2AE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ubes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ll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Cub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F2BD4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Cubes</w:t>
      </w:r>
      <w:proofErr w:type="gramEnd"/>
    </w:p>
    <w:p w14:paraId="79530CF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k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cubeSize^3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0225ACA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k*cubeSize^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;</w:t>
      </w:r>
      <w:proofErr w:type="gramEnd"/>
    </w:p>
    <w:p w14:paraId="7A5DA12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startIdx:end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FBC26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cubeSize^3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5F23D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scanned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1EFEC1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s{k}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cube,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);</w:t>
      </w:r>
      <w:proofErr w:type="gramEnd"/>
    </w:p>
    <w:p w14:paraId="7C42071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C173FD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FA162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F31466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Img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</w:t>
      </w:r>
    </w:p>
    <w:p w14:paraId="20662AF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Img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</w:t>
      </w:r>
    </w:p>
    <w:p w14:paraId="0A8C22D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:i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+cubeSize-1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j:j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+cubeSize-1) = cubes{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}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D20B63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AFC4E3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2C50E70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6BBAB9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1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2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B3AF7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005ED3E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erate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50F4FC5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x, y, z]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dgri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);</w:t>
      </w:r>
      <w:proofErr w:type="gramEnd"/>
    </w:p>
    <w:p w14:paraId="6180ABB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inearIndic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ub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y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(:));</w:t>
      </w:r>
      <w:proofErr w:type="gramEnd"/>
    </w:p>
    <w:p w14:paraId="20491A4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ayerSum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y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(:);</w:t>
      </w:r>
      <w:proofErr w:type="gramEnd"/>
    </w:p>
    <w:p w14:paraId="2F81B42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~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ort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sort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ayerSum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E8923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inearIndic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ort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3DDFE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26C2B8C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output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nput)</w:t>
      </w:r>
    </w:p>
    <w:p w14:paraId="1737252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im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dim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nput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98020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utpu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1791E83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dim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dims</w:t>
      </w:r>
      <w:proofErr w:type="gramEnd"/>
    </w:p>
    <w:p w14:paraId="53861F2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output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output, [], dim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661C9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762DB1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267CCBB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output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nput)</w:t>
      </w:r>
    </w:p>
    <w:p w14:paraId="1C9FFFC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im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dim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nput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24360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utpu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2539A85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dim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dims</w:t>
      </w:r>
      <w:proofErr w:type="gramEnd"/>
    </w:p>
    <w:p w14:paraId="2FFC373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output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output, [], dim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DE635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D339AFE" w14:textId="6395C2D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0360A1D4" w14:textId="77777777" w:rsidR="00AB4CC4" w:rsidRDefault="00AB4CC4">
      <w:pPr>
        <w:rPr>
          <w:rFonts w:ascii="Courier New" w:hAnsi="Courier New" w:cs="Courier New"/>
          <w:sz w:val="20"/>
          <w:szCs w:val="20"/>
        </w:rPr>
      </w:pPr>
    </w:p>
    <w:p w14:paraId="1CF72AE4" w14:textId="77777777" w:rsidR="00AB4CC4" w:rsidRPr="00287599" w:rsidRDefault="00AB4CC4" w:rsidP="00AB4CC4">
      <w:pPr>
        <w:rPr>
          <w:u w:val="single"/>
          <w:lang w:val="en-US"/>
        </w:rPr>
      </w:pPr>
      <w:r w:rsidRPr="0048038D">
        <w:rPr>
          <w:u w:val="single"/>
        </w:rPr>
        <w:lastRenderedPageBreak/>
        <w:t>Transmission Performance Evaluation</w:t>
      </w:r>
    </w:p>
    <w:p w14:paraId="75160BD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\\stafffiles.win.canberra.edu.au\\homes$\\s443807\\My Documents\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\10 images\\Images', '*.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)); ...</w:t>
      </w:r>
    </w:p>
    <w:p w14:paraId="69D09F8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\\stafffiles.win.canberra.edu.au\\homes$\\s443807\\My Documents\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\10 images\\Images', '*.jpg'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385595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C1EB4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  </w:t>
      </w:r>
    </w:p>
    <w:p w14:paraId="036CAA6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7AD1616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D9239D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C167A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B1A81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5D8A461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CB06C3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34AE8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) == 3</w:t>
      </w:r>
    </w:p>
    <w:p w14:paraId="7B19745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91505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53C4544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2DE1070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D6461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de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4CD2C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~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sequ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)</w:t>
      </w:r>
    </w:p>
    <w:p w14:paraId="253FDD8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'neare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21B8A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EB635F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7F400C6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728D1E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409D9A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8, bandwidth_3G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EF6E6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8, bandwidth_4G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6B28A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0E027FB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EA06B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D106AA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Compression Ratio: %.2f\n', mean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D8702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F530F6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8406F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540D06E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12CDBFF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7A49C1C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p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7A9C4D8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59572AA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000C373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6FAE033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BDC8C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LL, LH, HL, HH] = dwt2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a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CBFDD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reconstructe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idwt2(zeros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LL)), LH, zeros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HL)), zeros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HH))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a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D5030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LH_dft = fft2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reconstructed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E14A8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mean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ab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LH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ft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F4FEF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lt; 0.5) * 8 + 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H_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gt;= 0.5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;</w:t>
      </w:r>
      <w:proofErr w:type="gramEnd"/>
    </w:p>
    <w:p w14:paraId="14E67FC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1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C1EA8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2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4E73E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Row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Co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, 'po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FC1A70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32B62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ubes = {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1B81D50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ED51FA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Img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</w:t>
      </w:r>
    </w:p>
    <w:p w14:paraId="312BAAB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Img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</w:t>
      </w:r>
    </w:p>
    <w:p w14:paraId="7341545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:min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i+cubeSize-1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), ...</w:t>
      </w:r>
    </w:p>
    <w:p w14:paraId="2C4EA03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  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j:min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j+cubeSize-1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F64765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 = double(bloc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1D52E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block, 1) &l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||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block, 2) &l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</w:p>
    <w:p w14:paraId="7C01691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block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,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block, 1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, 2)], 'po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28772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74702C8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block) == cubeSize^2</w:t>
      </w:r>
    </w:p>
    <w:p w14:paraId="0E69C9B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block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block, 1, 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0B6CE0E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AFBD85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block) == cubeSize^3</w:t>
      </w:r>
    </w:p>
    <w:p w14:paraId="5AA6D80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cubes{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}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,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BA18F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75DDF0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6741FB1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694987D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44ECA2E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cubes)</w:t>
      </w:r>
    </w:p>
    <w:p w14:paraId="4531B44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Cube formation failed: No valid cubes generated.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DD20F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2447820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cubes)</w:t>
      </w:r>
    </w:p>
    <w:p w14:paraId="6653DA2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s{k}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cubes{k}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E5BA7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D2EC04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@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i, j, k) 3 + 6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1*j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k;</w:t>
      </w:r>
      <w:proofErr w:type="gramEnd"/>
    </w:p>
    <w:p w14:paraId="4592DF8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cubes)</w:t>
      </w:r>
    </w:p>
    <w:p w14:paraId="2E95E3F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s{k} = round(cubes{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}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57046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050811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erate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75267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852B99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length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cubes)</w:t>
      </w:r>
    </w:p>
    <w:p w14:paraId="58A5CAF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 = cubes{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};</w:t>
      </w:r>
      <w:proofErr w:type="gramEnd"/>
    </w:p>
    <w:p w14:paraId="6B673C2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 cub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27C156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D4F3F0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ymbols = uniqu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31EB8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rob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ymbol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; max(symbols)+1]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264B4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symbols, prob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23A2F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2F96F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0BFC5F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de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081A8A1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2F996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pectedElem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*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2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* cubeSize^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;</w:t>
      </w:r>
      <w:proofErr w:type="gramEnd"/>
    </w:p>
    <w:p w14:paraId="261CB52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~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pectedElements</w:t>
      </w:r>
      <w:proofErr w:type="spellEnd"/>
    </w:p>
    <w:p w14:paraId="365D42C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Decompression failed: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size mismatch.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D872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4ABF75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erate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3D136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/ (cubeSize^3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61E633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ubes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ll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Cub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6D0CDB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Cubes</w:t>
      </w:r>
      <w:proofErr w:type="gramEnd"/>
    </w:p>
    <w:p w14:paraId="1370707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tart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k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cubeSize^3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B98868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d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k*cubeSize^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;</w:t>
      </w:r>
      <w:proofErr w:type="gramEnd"/>
    </w:p>
    <w:p w14:paraId="056D294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cannedCub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startIdx:end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D572E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cubeSize^3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A5767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scanned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0BE5A5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ubes{k}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cube,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);</w:t>
      </w:r>
      <w:proofErr w:type="gramEnd"/>
    </w:p>
    <w:p w14:paraId="219CB4C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13CF920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zeros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21FF2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C4767B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Img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</w:t>
      </w:r>
    </w:p>
    <w:p w14:paraId="1A63553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Img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</w:t>
      </w:r>
    </w:p>
    <w:p w14:paraId="6FC95D9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:i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+cubeSize-1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j:j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+cubeSize-1) = cubes{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}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18940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8F34AC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4888684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415E15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1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2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725CC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2C5E5BD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erate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3AF72D1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x, y, z]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dgri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);</w:t>
      </w:r>
      <w:proofErr w:type="gramEnd"/>
    </w:p>
    <w:p w14:paraId="378A86B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inearIndic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ub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y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(:));</w:t>
      </w:r>
      <w:proofErr w:type="gramEnd"/>
    </w:p>
    <w:p w14:paraId="585F7B9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ayerSum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y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(:);</w:t>
      </w:r>
      <w:proofErr w:type="gramEnd"/>
    </w:p>
    <w:p w14:paraId="6214360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~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ort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sort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ayerSum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6987E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inearIndic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ort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78F8F3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97548A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output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nput)</w:t>
      </w:r>
    </w:p>
    <w:p w14:paraId="43721B0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im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dim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nput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B845B0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utpu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6FA5C45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dim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dims</w:t>
      </w:r>
      <w:proofErr w:type="gramEnd"/>
    </w:p>
    <w:p w14:paraId="4569DD1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output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output, [], dim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5306D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5139E68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354EB2D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output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nput)</w:t>
      </w:r>
    </w:p>
    <w:p w14:paraId="2730F45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im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dim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nput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19C96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utpu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put;</w:t>
      </w:r>
      <w:proofErr w:type="gramEnd"/>
    </w:p>
    <w:p w14:paraId="24513A0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dim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dims</w:t>
      </w:r>
      <w:proofErr w:type="gramEnd"/>
    </w:p>
    <w:p w14:paraId="5B2D14A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output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d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output, [], dim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7E6E9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29EDE42" w14:textId="6C6640FE" w:rsid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463FE9BF" w14:textId="77777777" w:rsidR="00AB4CC4" w:rsidRDefault="00AB4CC4">
      <w:pPr>
        <w:rPr>
          <w:rFonts w:ascii="Courier New" w:hAnsi="Courier New" w:cs="Courier New"/>
          <w:sz w:val="20"/>
          <w:szCs w:val="20"/>
        </w:rPr>
      </w:pPr>
    </w:p>
    <w:p w14:paraId="49657EE9" w14:textId="77777777" w:rsidR="00AB4CC4" w:rsidRDefault="00AB4CC4" w:rsidP="00AB4CC4">
      <w:pPr>
        <w:rPr>
          <w:u w:val="single"/>
        </w:rPr>
      </w:pPr>
      <w:bookmarkStart w:id="17" w:name="_Hlk198958299"/>
      <w:r w:rsidRPr="00287599">
        <w:rPr>
          <w:u w:val="single"/>
        </w:rPr>
        <w:t>Timing and Memory Profiling</w:t>
      </w:r>
    </w:p>
    <w:bookmarkEnd w:id="17"/>
    <w:p w14:paraId="272EA94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lc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420155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w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DF14E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1230BBA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29BCD2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1B63E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D4A16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4102B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64125B4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ry</w:t>
      </w:r>
    </w:p>
    <w:p w14:paraId="2F44BE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4B7E8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) == 3</w:t>
      </w:r>
    </w:p>
    <w:p w14:paraId="1A41A35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24E1C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18F5811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im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256 256]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65BF8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63722B2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EF954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de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Strea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3F5BA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28ACD83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09F04E3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62F5545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atch ME</w:t>
      </w:r>
    </w:p>
    <w:p w14:paraId="78B18EE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Error at image %d: %s\n'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ME.mess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C52DE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7D7FEBD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F874B8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46A661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30DC7D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3D DCT-Advanced Compression Timing Benchmark:\n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C52B4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1AD4E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65A68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[stream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 = 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7EB1C33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049ABD5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5F956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mod(-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'po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F2F9C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6599C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*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2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C8D6D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ube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E59E8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oun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2FFD7B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</w:t>
      </w:r>
    </w:p>
    <w:p w14:paraId="0C0381B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</w:t>
      </w:r>
    </w:p>
    <w:p w14:paraId="7D93209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cub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count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i:i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+cubeSize-1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j:j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+cubeSize-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56310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count = count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5A389D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7DED0FE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A88976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cub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cub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24BC4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I, J, K]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dgri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cube,3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56FD2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 + (I + J + K - 3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3A9E7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_cub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oun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ub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DDA77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ata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ub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28;</w:t>
      </w:r>
      <w:proofErr w:type="gramEnd"/>
    </w:p>
    <w:p w14:paraId="5E6DC26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ata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data &gt; 255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55;</w:t>
      </w:r>
      <w:proofErr w:type="gramEnd"/>
    </w:p>
    <w:p w14:paraId="33C83C0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ata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data &lt; 0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23B43C2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ymbols = uint8(data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755D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queVa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unique(symbol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8EA2C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rob = ones(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queVa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1) / 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queVal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066C6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uniqueVal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prob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797E4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tream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symbols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EEB2A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8496FD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decompressed = decompress3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CT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stream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5455430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ecoded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stream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F96A4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ecoded = double(decoded) -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28;</w:t>
      </w:r>
      <w:proofErr w:type="gramEnd"/>
    </w:p>
    <w:p w14:paraId="2C6E7CC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otalElem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prod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5B6DD5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length(decoded) &l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otalElements</w:t>
      </w:r>
      <w:proofErr w:type="spellEnd"/>
    </w:p>
    <w:p w14:paraId="7355A7F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decoded(end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totalElements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3819C7B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lseif length(decoded) &g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otalElements</w:t>
      </w:r>
      <w:proofErr w:type="spellEnd"/>
    </w:p>
    <w:p w14:paraId="50104DD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decoded = decoded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totalElements);</w:t>
      </w:r>
      <w:proofErr w:type="gramEnd"/>
    </w:p>
    <w:p w14:paraId="1C87031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28DE52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Coun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/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/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89D605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_cub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decoded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ubeCoun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869D0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quan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ub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F435D8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_cub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quan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67D62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reconstructed = zeros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8FE61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oun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37B029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</w:t>
      </w:r>
    </w:p>
    <w:p w14:paraId="611EDC4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cube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addedSiz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</w:t>
      </w:r>
    </w:p>
    <w:p w14:paraId="77F57AF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constructed(i:i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+cubeSize-1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j:j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+cubeSize-1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_cub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count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7A3FA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count = count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FE8A3E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0AE41A7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6BD87A1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ecompressed = reconstructed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1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2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D0679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5822344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order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erate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N)</w:t>
      </w:r>
    </w:p>
    <w:p w14:paraId="333BE1A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rder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N, N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4CB26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ndex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686551D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s = 1:2*N - 1</w:t>
      </w:r>
    </w:p>
    <w:p w14:paraId="120099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o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s, 2) == 0</w:t>
      </w:r>
    </w:p>
    <w:p w14:paraId="3C0B47B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, s - N +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:min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N, s)</w:t>
      </w:r>
    </w:p>
    <w:p w14:paraId="17CAEBC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j = s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EC4294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rder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j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dex;</w:t>
      </w:r>
      <w:proofErr w:type="gramEnd"/>
    </w:p>
    <w:p w14:paraId="266F750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index = index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CE9AC9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4B8FF4C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lse</w:t>
      </w:r>
    </w:p>
    <w:p w14:paraId="6CAE45C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ax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, s - N +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:min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N, s)</w:t>
      </w:r>
    </w:p>
    <w:p w14:paraId="74B84BD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 - j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5D437CA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rder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j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dex;</w:t>
      </w:r>
      <w:proofErr w:type="gramEnd"/>
    </w:p>
    <w:p w14:paraId="0112205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index = index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F702F6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end</w:t>
      </w:r>
    </w:p>
    <w:p w14:paraId="7DD7754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4DBB41F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23DE1A5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rder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order(:);</w:t>
      </w:r>
      <w:proofErr w:type="gramEnd"/>
    </w:p>
    <w:p w14:paraId="1AA62AC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3C377E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y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x)</w:t>
      </w:r>
    </w:p>
    <w:p w14:paraId="2CDB6C1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x;</w:t>
      </w:r>
      <w:proofErr w:type="gramEnd"/>
    </w:p>
    <w:p w14:paraId="78CEE81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x,3)</w:t>
      </w:r>
    </w:p>
    <w:p w14:paraId="34AB124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y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 = dct2(y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E9DA5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2369B7D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ermut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y, [3 2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9BF499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y,3)</w:t>
      </w:r>
    </w:p>
    <w:p w14:paraId="2A77EBF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y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 = dct2(y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5A3699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915EAE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ermut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y, [3 2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E1196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4E983F8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y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x)</w:t>
      </w:r>
    </w:p>
    <w:p w14:paraId="41CA50A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x;</w:t>
      </w:r>
      <w:proofErr w:type="gramEnd"/>
    </w:p>
    <w:p w14:paraId="0985B18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y,3)</w:t>
      </w:r>
    </w:p>
    <w:p w14:paraId="68F82FC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y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 = idct2(y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4CE34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64B8887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ermut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y, [3 2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581D5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y,3)</w:t>
      </w:r>
    </w:p>
    <w:p w14:paraId="4D6B545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y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 = idct2(y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98FB2D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08CC0FF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y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permut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y, [3 2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1E385F" w14:textId="178E0D64" w:rsid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1691259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6AFAE77C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37D6846A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6B00BBC1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3FD61F75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4E62FF1D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7936192F" w14:textId="6EC85635" w:rsidR="00AB4CC4" w:rsidRDefault="00AB4CC4" w:rsidP="00AB4CC4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lastRenderedPageBreak/>
        <w:t>A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>.</w:t>
      </w:r>
      <w:r>
        <w:rPr>
          <w:b/>
          <w:bCs/>
          <w:sz w:val="24"/>
          <w:szCs w:val="24"/>
          <w:lang w:val="en-US"/>
        </w:rPr>
        <w:t>9</w:t>
      </w:r>
      <w:r w:rsidRPr="00287599">
        <w:rPr>
          <w:b/>
          <w:bCs/>
          <w:sz w:val="24"/>
          <w:szCs w:val="24"/>
          <w:lang w:val="en-US"/>
        </w:rPr>
        <w:t xml:space="preserve"> </w:t>
      </w:r>
      <w:r w:rsidRPr="00AB4CC4">
        <w:rPr>
          <w:b/>
          <w:bCs/>
          <w:sz w:val="24"/>
          <w:szCs w:val="24"/>
        </w:rPr>
        <w:t xml:space="preserve">Novel JPEG Post-Processing </w:t>
      </w:r>
    </w:p>
    <w:p w14:paraId="2B7110E2" w14:textId="77777777" w:rsidR="00AB4CC4" w:rsidRPr="008129B4" w:rsidRDefault="00AB4CC4" w:rsidP="00AB4CC4">
      <w:pPr>
        <w:rPr>
          <w:u w:val="single"/>
          <w:lang w:val="en-US"/>
        </w:rPr>
      </w:pPr>
      <w:r w:rsidRPr="008129B4">
        <w:rPr>
          <w:u w:val="single"/>
          <w:lang w:val="en-US"/>
        </w:rPr>
        <w:t>Image Quality Evaluation</w:t>
      </w:r>
    </w:p>
    <w:p w14:paraId="2CB4B52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)); ...</w:t>
      </w:r>
    </w:p>
    <w:p w14:paraId="2B96A86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DC8693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783F7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C286B3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5A5D76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6463E2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FCB119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3C6DD8B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16 11 10 16 24 40 51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1;</w:t>
      </w:r>
      <w:proofErr w:type="gramEnd"/>
    </w:p>
    <w:p w14:paraId="5D20CE8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12 12 14 19 26 58 6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5;</w:t>
      </w:r>
      <w:proofErr w:type="gramEnd"/>
    </w:p>
    <w:p w14:paraId="4EA02B9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14 13 16 24 40 57 69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6;</w:t>
      </w:r>
      <w:proofErr w:type="gramEnd"/>
    </w:p>
    <w:p w14:paraId="71B6420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14 17 22 29 51 87 8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2;</w:t>
      </w:r>
      <w:proofErr w:type="gramEnd"/>
    </w:p>
    <w:p w14:paraId="781033D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18 22 37 56 68 109 10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77;</w:t>
      </w:r>
      <w:proofErr w:type="gramEnd"/>
    </w:p>
    <w:p w14:paraId="20A2114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24 35 55 64 81 104 11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92;</w:t>
      </w:r>
      <w:proofErr w:type="gramEnd"/>
    </w:p>
    <w:p w14:paraId="047DBDF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49 64 78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7 103 121 120 101;</w:t>
      </w:r>
      <w:proofErr w:type="gramEnd"/>
    </w:p>
    <w:p w14:paraId="66ED792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72 92 95 98 112 100 103 99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F4DD7D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85EF51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ECD82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) == 3</w:t>
      </w:r>
    </w:p>
    <w:p w14:paraId="622D52D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7FCFF9E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68B370D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6FD5C4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st_process_artifact_reduc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0CAA82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rofile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roun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end / 2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79A294A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2D770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043C1AF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E2497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296A1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3D7EAF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D5DF42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abs(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- 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6D322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) + 2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5029A07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FCD13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ion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construction_erro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F2ED5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4A8906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05C8E7F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lse</w:t>
      </w:r>
    </w:p>
    <w:p w14:paraId="0778543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2E4469A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195D5B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td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C34306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931F3B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4C5F05C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46D5E6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uint8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CBC80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EC64F6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exist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'var') &amp;&amp; ~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18E0CA2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02B7385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49F85D9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82AF50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lse</w:t>
      </w:r>
    </w:p>
    <w:p w14:paraId="0306B42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333944B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70EA59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7F41CD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7B02AB9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n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7E5B2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A7C057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erage FWHM: %.2f mm\n'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mit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EB853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erage CNR: %.2f\n'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mit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61A18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erage SSIM: %.2f\n'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mit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7DE9F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erage CR: %.2f\n'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mit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85B59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st_process_artifa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duc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559474A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hifts = [-1, 0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3B4B8B0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zeros([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shifts)^2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22328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oun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26F9902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dx = shifts</w:t>
      </w:r>
    </w:p>
    <w:p w14:paraId="4F1D097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hifts</w:t>
      </w:r>
    </w:p>
    <w:p w14:paraId="280091B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hift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ircshif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[dx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8E1F20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shift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0E5E9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54EB5B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count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ircshif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compress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-dx, -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9E33E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count = count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B39F9A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3A2BB2F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97CACA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compressed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F7779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nalImag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76B423F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7D5810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54C45EA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6F4C6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8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24D23C2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replicate', 'po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5A2A8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s = mat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padd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...</w:t>
      </w:r>
    </w:p>
    <w:p w14:paraId="0E1EB47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8, 1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padd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) / 8), ...</w:t>
      </w:r>
    </w:p>
    <w:p w14:paraId="4AFE2C3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8, 1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padd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2) / 8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F43FC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@(block) block - 128, blocks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C3ECB4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@(block) dct2(block), blocks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08EF1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ound(block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C8CA6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@zigzag_scan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08A53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cell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at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39B7B8E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ymbols = uniqu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3D421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robabilities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[symbols; max(symbols) + 1]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1E6EB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symbols, probabilitie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7891E1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54557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28605CE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_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block)</w:t>
      </w:r>
    </w:p>
    <w:p w14:paraId="13D9B2B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</w:p>
    <w:p w14:paraId="21A9B5F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  2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  7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15 16 28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9;</w:t>
      </w:r>
      <w:proofErr w:type="gramEnd"/>
    </w:p>
    <w:p w14:paraId="06B6103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  5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  14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17 27 3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3;</w:t>
      </w:r>
      <w:proofErr w:type="gramEnd"/>
    </w:p>
    <w:p w14:paraId="11988E6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  9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13 18 26 31 42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4;</w:t>
      </w:r>
      <w:proofErr w:type="gramEnd"/>
    </w:p>
    <w:p w14:paraId="249CEF4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0 12 19 25 32 41 45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4;</w:t>
      </w:r>
      <w:proofErr w:type="gramEnd"/>
    </w:p>
    <w:p w14:paraId="3393233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    11 20 24 33 40 46 5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5;</w:t>
      </w:r>
      <w:proofErr w:type="gramEnd"/>
    </w:p>
    <w:p w14:paraId="2EBA10C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1 23 34 39 47 52 56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1;</w:t>
      </w:r>
      <w:proofErr w:type="gramEnd"/>
    </w:p>
    <w:p w14:paraId="332367E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2 35 38 48 51 57 6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2;</w:t>
      </w:r>
      <w:proofErr w:type="gramEnd"/>
    </w:p>
    <w:p w14:paraId="7056FF0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36 37 49 50 58 59 63 64</w:t>
      </w:r>
    </w:p>
    <w:p w14:paraId="5482D37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];</w:t>
      </w:r>
    </w:p>
    <w:p w14:paraId="39F8265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7FE4DAA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09A6530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4CCCEDB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ded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CC8771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 / 8) *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 / 8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618CD5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shaped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coded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[]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E60DA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col)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verse_zigzag_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col), num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shaped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)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A7585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) / 8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 / 8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4F538A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E8B554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block) idct2(block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53735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block) block + 128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67B9AE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F27DC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1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2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57CF869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6C410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0706828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block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verse_zigzag_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1FCA539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</w:p>
    <w:p w14:paraId="2FF61DA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  2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  7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15 16 28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9;</w:t>
      </w:r>
      <w:proofErr w:type="gramEnd"/>
    </w:p>
    <w:p w14:paraId="0FDB656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  5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  14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17 27 3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3;</w:t>
      </w:r>
      <w:proofErr w:type="gramEnd"/>
    </w:p>
    <w:p w14:paraId="6ECF12C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  9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13 18 26 31 42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4;</w:t>
      </w:r>
      <w:proofErr w:type="gramEnd"/>
    </w:p>
    <w:p w14:paraId="1910A37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0 12 19 25 32 41 45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4;</w:t>
      </w:r>
      <w:proofErr w:type="gramEnd"/>
    </w:p>
    <w:p w14:paraId="2E5B6B7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1 20 24 33 40 46 5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5;</w:t>
      </w:r>
      <w:proofErr w:type="gramEnd"/>
    </w:p>
    <w:p w14:paraId="043765C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1 23 34 39 47 52 56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1;</w:t>
      </w:r>
      <w:proofErr w:type="gramEnd"/>
    </w:p>
    <w:p w14:paraId="5C48C5E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2 35 38 48 51 57 6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2;</w:t>
      </w:r>
      <w:proofErr w:type="gramEnd"/>
    </w:p>
    <w:p w14:paraId="6EDC3E3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36 37 49 50 58 59 63 64</w:t>
      </w:r>
    </w:p>
    <w:p w14:paraId="124C09B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];</w:t>
      </w:r>
    </w:p>
    <w:p w14:paraId="0A1D98C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8, 8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C7C032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zigzag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0132319" w14:textId="2C92EE94" w:rsid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63B582A4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6B415295" w14:textId="77777777" w:rsidR="00AB4CC4" w:rsidRPr="00287599" w:rsidRDefault="00AB4CC4" w:rsidP="00AB4CC4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459E6A9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10 images\Images', '*.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)); ...</w:t>
      </w:r>
    </w:p>
    <w:p w14:paraId="696BF17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\\stafffiles.win.canberra.edu.au\homes$\s443807\My Documents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10 images\Images', '*.jpg'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D1ADDB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B9530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  </w:t>
      </w:r>
    </w:p>
    <w:p w14:paraId="72B33CB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612DE88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393ED3D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52CE6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5C52EB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89D1E0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16 11 10 16 24 40 51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1;</w:t>
      </w:r>
      <w:proofErr w:type="gramEnd"/>
    </w:p>
    <w:p w14:paraId="4E95072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12 12 14 19 26 58 6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5;</w:t>
      </w:r>
      <w:proofErr w:type="gramEnd"/>
    </w:p>
    <w:p w14:paraId="4640F1A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14 13 16 24 40 57 69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6;</w:t>
      </w:r>
      <w:proofErr w:type="gramEnd"/>
    </w:p>
    <w:p w14:paraId="4483AF9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14 17 22 29 51 87 8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2;</w:t>
      </w:r>
      <w:proofErr w:type="gramEnd"/>
    </w:p>
    <w:p w14:paraId="0AF433D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           18 22 37 56 68 109 10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77;</w:t>
      </w:r>
      <w:proofErr w:type="gramEnd"/>
    </w:p>
    <w:p w14:paraId="5575558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24 35 55 64 81 104 11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92;</w:t>
      </w:r>
      <w:proofErr w:type="gramEnd"/>
    </w:p>
    <w:p w14:paraId="115E41F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49 64 78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7 103 121 120 101;</w:t>
      </w:r>
      <w:proofErr w:type="gramEnd"/>
    </w:p>
    <w:p w14:paraId="6816074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72 92 95 98 112 100 103 99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302251D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2FAA622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850D3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) == 3</w:t>
      </w:r>
    </w:p>
    <w:p w14:paraId="295A0CD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7EAC78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996429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5484D70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st_process_artifact_reduc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3AB27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_size_M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* 8) / (1024 * 1024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71DC4CA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size_M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* 8 / (1024 * 1024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2B76687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size_M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&gt; 0</w:t>
      </w:r>
    </w:p>
    <w:p w14:paraId="789221A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original_size_M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siz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921D2A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lse</w:t>
      </w:r>
    </w:p>
    <w:p w14:paraId="419AC8C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6A16378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715D858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r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valu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2BD817B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1C1347A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B0F95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5B058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58EFF45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7DA7D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579BBA3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C43C02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E2F486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16FA302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1716F92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6760251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p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6E7C468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30AAEBC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282434C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st_process_artifa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duc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100A211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hifts = [-1, 0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6FA55FC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zeros([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shifts)^2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58340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oun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0CFD49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dx = shifts</w:t>
      </w:r>
    </w:p>
    <w:p w14:paraId="701C8B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hifts</w:t>
      </w:r>
    </w:p>
    <w:p w14:paraId="121F149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shift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ircshif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[dx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65E64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shift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93F400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A8916E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edImage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:, count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ircshif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compressed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-dx, -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40702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count = count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B1ACED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5E7E366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2AF9992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an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compressed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76676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nal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nalImag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0D69D7A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3081DC9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>function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00F90B1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2B309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/ 8) *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2CF41CC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replicate', 'post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FFB59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s = mat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padd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...</w:t>
      </w:r>
    </w:p>
    <w:p w14:paraId="0BE5178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8, 1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padd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) / 8), ...</w:t>
      </w:r>
    </w:p>
    <w:p w14:paraId="6EC5459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  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repma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8, 1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padd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2) / 8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0B11F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@(block) block - 128, blocks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BBEFA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@(block) dct2(block), blocks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4E53D0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ound(block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63C05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@zigzag_scan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2D782C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cell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at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10C1FC9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ymbols = uniqu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03177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probabilities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[symbols; max(symbols) + 1])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A7694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symbols, probabilitie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7E7BD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all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60F59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70BA749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_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block)</w:t>
      </w:r>
    </w:p>
    <w:p w14:paraId="3C17199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</w:p>
    <w:p w14:paraId="5D3ECA1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  2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  7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15 16 28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9;</w:t>
      </w:r>
      <w:proofErr w:type="gramEnd"/>
    </w:p>
    <w:p w14:paraId="4CDBD2A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  5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  14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17 27 3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3;</w:t>
      </w:r>
      <w:proofErr w:type="gramEnd"/>
    </w:p>
    <w:p w14:paraId="282E66D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  9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13 18 26 31 42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4;</w:t>
      </w:r>
      <w:proofErr w:type="gramEnd"/>
    </w:p>
    <w:p w14:paraId="172CACE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0 12 19 25 32 41 45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4;</w:t>
      </w:r>
      <w:proofErr w:type="gramEnd"/>
    </w:p>
    <w:p w14:paraId="27F1455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1 20 24 33 40 46 5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5;</w:t>
      </w:r>
      <w:proofErr w:type="gramEnd"/>
    </w:p>
    <w:p w14:paraId="6DFD583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1 23 34 39 47 52 56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1;</w:t>
      </w:r>
      <w:proofErr w:type="gramEnd"/>
    </w:p>
    <w:p w14:paraId="2B2E38B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2 35 38 48 51 57 6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2;</w:t>
      </w:r>
      <w:proofErr w:type="gramEnd"/>
    </w:p>
    <w:p w14:paraId="2743366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36 37 49 50 58 59 63 64</w:t>
      </w:r>
    </w:p>
    <w:p w14:paraId="588BBAE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];</w:t>
      </w:r>
    </w:p>
    <w:p w14:paraId="038F134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:));</w:t>
      </w:r>
      <w:proofErr w:type="gramEnd"/>
    </w:p>
    <w:p w14:paraId="22E45ED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2E165CB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2AEF4AF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ded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91CD7C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) / 8) * 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 / 8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228FB20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shaped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decoded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[]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ADBF9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col)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verse_zigzag_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col), num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cell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reshapedCoeffici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)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D9BBFC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1) / 8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padded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2) / 8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19DAF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block)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 .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*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Matri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F0FD4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block) idct2(block)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quan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D309F2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ellfu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(@(block) block + 128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ct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UniformOutpu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', fals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573EC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cell2mat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Blocks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10A31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1)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mg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2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</w:t>
      </w:r>
    </w:p>
    <w:p w14:paraId="544ED10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B4C6D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283CF7C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block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verse_zigzag_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45FA66D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</w:p>
    <w:p w14:paraId="3247D58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  2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  7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15 16 28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9;</w:t>
      </w:r>
      <w:proofErr w:type="gramEnd"/>
    </w:p>
    <w:p w14:paraId="08D7F90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  5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  14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17 27 3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3;</w:t>
      </w:r>
      <w:proofErr w:type="gramEnd"/>
    </w:p>
    <w:p w14:paraId="60788E7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  9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13 18 26 31 42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4;</w:t>
      </w:r>
      <w:proofErr w:type="gramEnd"/>
    </w:p>
    <w:p w14:paraId="0BFDD1F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0 12 19 25 32 41 45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4;</w:t>
      </w:r>
      <w:proofErr w:type="gramEnd"/>
    </w:p>
    <w:p w14:paraId="236D5BD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1 20 24 33 40 46 5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5;</w:t>
      </w:r>
      <w:proofErr w:type="gramEnd"/>
    </w:p>
    <w:p w14:paraId="3569B9F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    21 23 34 39 47 52 56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1;</w:t>
      </w:r>
      <w:proofErr w:type="gramEnd"/>
    </w:p>
    <w:p w14:paraId="340F6D8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2 35 38 48 51 57 6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2;</w:t>
      </w:r>
      <w:proofErr w:type="gramEnd"/>
    </w:p>
    <w:p w14:paraId="4EE8B99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36 37 49 50 58 59 63 64</w:t>
      </w:r>
    </w:p>
    <w:p w14:paraId="5125AE6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];</w:t>
      </w:r>
    </w:p>
    <w:p w14:paraId="2D9F79C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8, 8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A0EDBF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Ord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:)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zigzagArray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21ADA9B" w14:textId="071A9B49" w:rsid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594B961C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76599FF2" w14:textId="77777777" w:rsidR="00AB4CC4" w:rsidRDefault="00AB4CC4" w:rsidP="00AB4CC4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1D11CD3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lc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EFA65A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w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1AE47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'\\stafffiles.win.canberra.edu.au\\homes$\\s443807\\My Documents\\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\\10 images\\Image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DBB0AB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n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B97AAF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in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487537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9A1F3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ABC3F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558AA04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try</w:t>
      </w:r>
    </w:p>
    <w:p w14:paraId="42343FD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982698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3) == 3</w:t>
      </w:r>
    </w:p>
    <w:p w14:paraId="4B17705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3E26C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34618FD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im2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doubl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re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[256 256]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DD7B06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76981B7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compress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_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62843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decompress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_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compresse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276FFA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final_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st_process_artifact_reduc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decompressed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3B9DE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5C25DC7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3387C5E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7AC1093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atch ME</w:t>
      </w:r>
    </w:p>
    <w:p w14:paraId="5A8C317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Error at image %d: %s\n'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ME.mess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52870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C123D5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dx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N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52C7A50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5013758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1591AB4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JPEG Post-Processing Compression Timing Benchmark:\n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064320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DF5C8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EE87A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enhanc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post_process_artifact_reductio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1ED70A6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H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fspecial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'average', [3 3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B5F69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moothed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imfilter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H, 'replicate'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1C2DAE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hanc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+ 0.2 * (smoothed -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B5478A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52A67DD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compressed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_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</w:t>
      </w:r>
    </w:p>
    <w:p w14:paraId="583721C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8;</w:t>
      </w:r>
      <w:proofErr w:type="gramEnd"/>
    </w:p>
    <w:p w14:paraId="5618E79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h, w] = size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78E96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h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D9E65E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W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floor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w /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0B7970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s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H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numBlocksW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E2987D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oun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7A4D019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H</w:t>
      </w:r>
      <w:proofErr w:type="gramEnd"/>
    </w:p>
    <w:p w14:paraId="774310C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numBlocksW</w:t>
      </w:r>
      <w:proofErr w:type="gramEnd"/>
    </w:p>
    <w:p w14:paraId="62E7F6D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block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(i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Size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(j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Size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j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F6624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dct2(bloc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224865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        block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count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ct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E42CE4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count = count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33F0AB1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32DFC89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4E1F877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zigzag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_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block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9D0A6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ymbols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ound(zigzag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:) + 128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A48B9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ymbol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symbols &gt; 255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55;</w:t>
      </w:r>
      <w:proofErr w:type="gramEnd"/>
    </w:p>
    <w:p w14:paraId="748B59C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ymbol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symbols &lt; 0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2100C75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ymbols = uint8(symbol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EB50F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u = unique(symbol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F8D9B6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u, ones(length(u), 1) / length(u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</w:p>
    <w:p w14:paraId="168E7996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tream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symbols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ict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2DB1C7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ompressed.stream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tream;</w:t>
      </w:r>
      <w:proofErr w:type="gramEnd"/>
    </w:p>
    <w:p w14:paraId="5ADF410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ompressed.dict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1CE1D2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ompressed.size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= size(block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B4248A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58EADBF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igzag_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blocks)</w:t>
      </w:r>
    </w:p>
    <w:p w14:paraId="450507F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m, n, p] = size(block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D0E7C6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rder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[</w:t>
      </w:r>
    </w:p>
    <w:p w14:paraId="5FC7125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  2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  7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15 16 28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9;</w:t>
      </w:r>
      <w:proofErr w:type="gramEnd"/>
    </w:p>
    <w:p w14:paraId="7317AA4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  5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8 14 17 27 3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3;</w:t>
      </w:r>
      <w:proofErr w:type="gramEnd"/>
    </w:p>
    <w:p w14:paraId="6DEC971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  9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13 18 26 31 42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4;</w:t>
      </w:r>
      <w:proofErr w:type="gramEnd"/>
    </w:p>
    <w:p w14:paraId="286C84C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0 12 19 25 32 41 45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4;</w:t>
      </w:r>
      <w:proofErr w:type="gramEnd"/>
    </w:p>
    <w:p w14:paraId="662D934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1 20 24 33 40 46 5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5;</w:t>
      </w:r>
      <w:proofErr w:type="gramEnd"/>
    </w:p>
    <w:p w14:paraId="7D785A0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1 23 34 39 47 52 56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1;</w:t>
      </w:r>
      <w:proofErr w:type="gramEnd"/>
    </w:p>
    <w:p w14:paraId="0D2341E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2 35 38 48 51 57 6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2;</w:t>
      </w:r>
      <w:proofErr w:type="gramEnd"/>
    </w:p>
    <w:p w14:paraId="1CA2D4D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36 37 49 50 58 59 63 64], [m*n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DCB105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zeros(length(order), p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3FDA1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p</w:t>
      </w:r>
      <w:proofErr w:type="gramEnd"/>
    </w:p>
    <w:p w14:paraId="469D719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lat = reshape(block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, []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1B057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z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) = flat(order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4ADAA1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35639BA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495771A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decompress_imag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compressed)</w:t>
      </w:r>
    </w:p>
    <w:p w14:paraId="3AB08DB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total_element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prod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ompressed.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239116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ecoded =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compressed.stream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ompressed.dict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25D5C3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decoded = double(decoded(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total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_elements)) -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28;</w:t>
      </w:r>
      <w:proofErr w:type="gramEnd"/>
    </w:p>
    <w:p w14:paraId="52A640A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decoded, []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ompressed.size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>(3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F0B2EB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verse_zigzag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z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ompressed.size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(1), 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ompressed.size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>(2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B0D2B5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_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w_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~] = size(block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441C7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h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blocks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704F14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side = sqrt(</w:t>
      </w:r>
      <w:proofErr w:type="spellStart"/>
      <w:proofErr w:type="gramStart"/>
      <w:r w:rsidRPr="00AB4CC4">
        <w:rPr>
          <w:rFonts w:ascii="Courier New" w:hAnsi="Courier New" w:cs="Courier New"/>
          <w:sz w:val="20"/>
          <w:szCs w:val="20"/>
        </w:rPr>
        <w:t>compressed.size</w:t>
      </w:r>
      <w:proofErr w:type="spellEnd"/>
      <w:proofErr w:type="gramEnd"/>
      <w:r w:rsidRPr="00AB4CC4">
        <w:rPr>
          <w:rFonts w:ascii="Courier New" w:hAnsi="Courier New" w:cs="Courier New"/>
          <w:sz w:val="20"/>
          <w:szCs w:val="20"/>
        </w:rPr>
        <w:t>(3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A7ECE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* side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C3947A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coun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1C7E4EF9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de</w:t>
      </w:r>
      <w:proofErr w:type="gramEnd"/>
    </w:p>
    <w:p w14:paraId="34A86B9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or j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de</w:t>
      </w:r>
      <w:proofErr w:type="gramEnd"/>
    </w:p>
    <w:p w14:paraId="3C3558F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mg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(i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Size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i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(j-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)*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blockSize+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j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*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blockSize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) = idct2(block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count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A33AB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    count = count +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;</w:t>
      </w:r>
      <w:proofErr w:type="gramEnd"/>
    </w:p>
    <w:p w14:paraId="4210A51F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end</w:t>
      </w:r>
    </w:p>
    <w:p w14:paraId="139B6EE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4CFA6930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3DA2250A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function blocks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inverse_zigzag_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can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z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m, n)</w:t>
      </w:r>
    </w:p>
    <w:p w14:paraId="1073B8DE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order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[</w:t>
      </w:r>
    </w:p>
    <w:p w14:paraId="4287D405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  2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  7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15 16 28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29;</w:t>
      </w:r>
      <w:proofErr w:type="gramEnd"/>
    </w:p>
    <w:p w14:paraId="6FDDA69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3  5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 8 14 17 27 3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3;</w:t>
      </w:r>
      <w:proofErr w:type="gramEnd"/>
    </w:p>
    <w:p w14:paraId="254C1851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  9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 13 18 26 31 42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44;</w:t>
      </w:r>
      <w:proofErr w:type="gramEnd"/>
    </w:p>
    <w:p w14:paraId="734D96D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0 12 19 25 32 41 45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4;</w:t>
      </w:r>
      <w:proofErr w:type="gramEnd"/>
    </w:p>
    <w:p w14:paraId="02A0B7E3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11 20 24 33 40 46 53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55;</w:t>
      </w:r>
      <w:proofErr w:type="gramEnd"/>
    </w:p>
    <w:p w14:paraId="6ABB23A7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21 23 34 39 47 52 56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1;</w:t>
      </w:r>
      <w:proofErr w:type="gramEnd"/>
    </w:p>
    <w:p w14:paraId="2853B39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lastRenderedPageBreak/>
        <w:t xml:space="preserve">        22 35 38 48 51 57 60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62;</w:t>
      </w:r>
      <w:proofErr w:type="gramEnd"/>
    </w:p>
    <w:p w14:paraId="2E1E2E68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36 37 49 50 58 59 63 64], [m*n 1]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6E7113D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blocks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m, n,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AB4CC4">
        <w:rPr>
          <w:rFonts w:ascii="Courier New" w:hAnsi="Courier New" w:cs="Courier New"/>
          <w:sz w:val="20"/>
          <w:szCs w:val="20"/>
        </w:rPr>
        <w:t>z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2)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98D399B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for k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1:size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(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z</w:t>
      </w:r>
      <w:proofErr w:type="spellEnd"/>
      <w:r w:rsidRPr="00AB4CC4">
        <w:rPr>
          <w:rFonts w:ascii="Courier New" w:hAnsi="Courier New" w:cs="Courier New"/>
          <w:sz w:val="20"/>
          <w:szCs w:val="20"/>
        </w:rPr>
        <w:t>, 2)</w:t>
      </w:r>
    </w:p>
    <w:p w14:paraId="39E7F774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lat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m * n, 1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0CF8A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flat(order) = </w:t>
      </w:r>
      <w:proofErr w:type="spellStart"/>
      <w:r w:rsidRPr="00AB4CC4">
        <w:rPr>
          <w:rFonts w:ascii="Courier New" w:hAnsi="Courier New" w:cs="Courier New"/>
          <w:sz w:val="20"/>
          <w:szCs w:val="20"/>
        </w:rPr>
        <w:t>zz</w:t>
      </w:r>
      <w:proofErr w:type="spellEnd"/>
      <w:proofErr w:type="gramStart"/>
      <w:r w:rsidRPr="00AB4CC4">
        <w:rPr>
          <w:rFonts w:ascii="Courier New" w:hAnsi="Courier New" w:cs="Courier New"/>
          <w:sz w:val="20"/>
          <w:szCs w:val="20"/>
        </w:rPr>
        <w:t>(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k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3AB0A02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    blocks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(:,:,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 xml:space="preserve">k) = 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reshape(</w:t>
      </w:r>
      <w:proofErr w:type="gramEnd"/>
      <w:r w:rsidRPr="00AB4CC4">
        <w:rPr>
          <w:rFonts w:ascii="Courier New" w:hAnsi="Courier New" w:cs="Courier New"/>
          <w:sz w:val="20"/>
          <w:szCs w:val="20"/>
        </w:rPr>
        <w:t>flat, m, n</w:t>
      </w:r>
      <w:proofErr w:type="gramStart"/>
      <w:r w:rsidRPr="00AB4CC4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ABE08C" w14:textId="77777777" w:rsidR="00AB4CC4" w:rsidRP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 xml:space="preserve">    end</w:t>
      </w:r>
    </w:p>
    <w:p w14:paraId="4E8D2AB3" w14:textId="73D20B09" w:rsidR="00AB4CC4" w:rsidRDefault="00AB4CC4" w:rsidP="00AB4CC4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AB4CC4">
        <w:rPr>
          <w:rFonts w:ascii="Courier New" w:hAnsi="Courier New" w:cs="Courier New"/>
          <w:sz w:val="20"/>
          <w:szCs w:val="20"/>
        </w:rPr>
        <w:t>end</w:t>
      </w:r>
    </w:p>
    <w:p w14:paraId="4254BCA9" w14:textId="77777777" w:rsidR="00AB4CC4" w:rsidRDefault="00AB4CC4" w:rsidP="00AB4CC4">
      <w:pPr>
        <w:rPr>
          <w:rFonts w:ascii="Courier New" w:hAnsi="Courier New" w:cs="Courier New"/>
          <w:sz w:val="20"/>
          <w:szCs w:val="20"/>
        </w:rPr>
      </w:pPr>
    </w:p>
    <w:p w14:paraId="2322CA32" w14:textId="203CEC6B" w:rsidR="00AB4CC4" w:rsidRDefault="00AB4CC4" w:rsidP="00AB4CC4">
      <w:pPr>
        <w:rPr>
          <w:b/>
          <w:bCs/>
          <w:sz w:val="24"/>
          <w:szCs w:val="24"/>
        </w:rPr>
      </w:pPr>
      <w:r w:rsidRPr="00287599">
        <w:rPr>
          <w:b/>
          <w:bCs/>
          <w:sz w:val="24"/>
          <w:szCs w:val="24"/>
          <w:lang w:val="en-US"/>
        </w:rPr>
        <w:t>A.</w:t>
      </w:r>
      <w:r>
        <w:rPr>
          <w:b/>
          <w:bCs/>
          <w:sz w:val="24"/>
          <w:szCs w:val="24"/>
          <w:lang w:val="en-US"/>
        </w:rPr>
        <w:t>2</w:t>
      </w:r>
      <w:r w:rsidRPr="00287599">
        <w:rPr>
          <w:b/>
          <w:bCs/>
          <w:sz w:val="24"/>
          <w:szCs w:val="24"/>
          <w:lang w:val="en-US"/>
        </w:rPr>
        <w:t>.</w:t>
      </w:r>
      <w:r>
        <w:rPr>
          <w:b/>
          <w:bCs/>
          <w:sz w:val="24"/>
          <w:szCs w:val="24"/>
          <w:lang w:val="en-US"/>
        </w:rPr>
        <w:t>10</w:t>
      </w:r>
      <w:r w:rsidRPr="00287599">
        <w:rPr>
          <w:b/>
          <w:bCs/>
          <w:sz w:val="24"/>
          <w:szCs w:val="24"/>
          <w:lang w:val="en-US"/>
        </w:rPr>
        <w:t xml:space="preserve"> </w:t>
      </w:r>
      <w:r w:rsidR="006D57E6" w:rsidRPr="006D57E6">
        <w:rPr>
          <w:b/>
          <w:bCs/>
          <w:sz w:val="24"/>
          <w:szCs w:val="24"/>
        </w:rPr>
        <w:t>New Prediction-Based Compression</w:t>
      </w:r>
    </w:p>
    <w:p w14:paraId="08B3B270" w14:textId="77777777" w:rsidR="00AB4CC4" w:rsidRPr="008129B4" w:rsidRDefault="00AB4CC4" w:rsidP="00AB4CC4">
      <w:pPr>
        <w:rPr>
          <w:u w:val="single"/>
          <w:lang w:val="en-US"/>
        </w:rPr>
      </w:pPr>
      <w:r w:rsidRPr="008129B4">
        <w:rPr>
          <w:u w:val="single"/>
          <w:lang w:val="en-US"/>
        </w:rPr>
        <w:t>Image Quality Evaluation</w:t>
      </w:r>
    </w:p>
    <w:p w14:paraId="2A6E764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\\\\stafffiles.win.canberra.edu.au\\homes$\\s443807\\My Documents\\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\\10 images\\Images', '*.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n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')); ...</w:t>
      </w:r>
    </w:p>
    <w:p w14:paraId="6ABD66F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\\\\stafffiles.win.canberra.edu.au\\homes$\\s443807\\My Documents\\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\\10 images\\Images', '*.jpg')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F245A1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min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A0F2F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9956950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3F5E06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AAEAE0D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A58125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pixel_siz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0.3528;</w:t>
      </w:r>
      <w:proofErr w:type="gramEnd"/>
    </w:p>
    <w:p w14:paraId="2FC5A4B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4C4C26D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7BE33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3) == 3</w:t>
      </w:r>
    </w:p>
    <w:p w14:paraId="4BC7D91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CE1399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776AA8E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row, col]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rediction_based_compress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1DE59F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profile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doubl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round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end / 2),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:));</w:t>
      </w:r>
      <w:proofErr w:type="gramEnd"/>
    </w:p>
    <w:p w14:paraId="5A2F486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max(profile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F97D2B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ax_va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;</w:t>
      </w:r>
      <w:proofErr w:type="gramEnd"/>
    </w:p>
    <w:p w14:paraId="1843CE1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1, 'first'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45F84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find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profile &gt;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alf_ma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1, 'last'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53D22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ight_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left_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*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ixel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1B1175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whm_mm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1D8B51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ynamic_threshold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mean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:)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51A87A2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&gt;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47628CC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&lt;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ynamic_threshold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2AC04028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ignal_reg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||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sempty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background_reg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</w:p>
    <w:p w14:paraId="2C6A146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0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7C9D6D0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lse</w:t>
      </w:r>
    </w:p>
    <w:p w14:paraId="3E6CE64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mean(doubl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ignal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72CA52B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mean(doubl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56D3D6B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td_background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std(doubl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background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reg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:)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17E06F1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abs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mu_signa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-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u_background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/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td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background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811911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74F7850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nr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56B84D4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sim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uint8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79FC9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sim_valu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DDC8F4B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8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3171E0B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ompressed_siz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78C7070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r_valu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original_siz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ompressed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siz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0666628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0DDAE2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Image %d: FWHM: %.2f mm, CNR: %.2f, SSIM: %.2f, CR: %.2f\n', ...</w:t>
      </w:r>
    </w:p>
    <w:p w14:paraId="736FE0D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lastRenderedPageBreak/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whm_mm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n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sim_valu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r_valu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61198E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end</w:t>
      </w:r>
    </w:p>
    <w:p w14:paraId="0C23DF6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Average FWHM: %.2f mm\n', mean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whm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3EA4E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Average CNR: %.2f\n', mean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n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948D8A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Average SSIM: %.2f\n', mean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sim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AAC7B5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Average CR: %.2f\n', mean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604E8C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row, col]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rediction_based_compress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</w:p>
    <w:p w14:paraId="65625C1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[row, col] = siz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74346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MV = max(max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4A0C116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Mat = doubl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4C04E4D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Mat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72CC54C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avedColumn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Mat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2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23DCA75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-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size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1), 1)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-1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30B863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rrorVecto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E(:);</w:t>
      </w:r>
      <w:proofErr w:type="gramEnd"/>
    </w:p>
    <w:p w14:paraId="4C2A051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unique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~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Map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] = uniqu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rrorVector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31213E8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frequencies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dxMap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unique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9268D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validIndic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frequencies &gt;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0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76CE18B0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symbols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unique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validIndic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5B961B6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frequencies = frequencies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validIndice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A7692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symbols) &lt;= 1</w:t>
      </w:r>
    </w:p>
    <w:p w14:paraId="3979283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Only one unique symbol found. Huffman coding skipped.'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808071D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6705D48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5B7159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3BC3ED7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6679BD2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probabilities = frequencies / sum(frequencies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597F1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symbols, probabilities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6D88F8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errorVecto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82C765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CC50FA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size(E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EF6FD1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4576F3D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7953269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for c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size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2)</w:t>
      </w:r>
    </w:p>
    <w:p w14:paraId="05FC47E0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c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c - 1) +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c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5E07C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445C7DD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row, col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5444D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5AE204F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2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savedColumn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2BE519D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7C81D90" w14:textId="0F1C7FEF" w:rsidR="00AB4CC4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end</w:t>
      </w:r>
    </w:p>
    <w:p w14:paraId="19DFEE03" w14:textId="77777777" w:rsidR="006D57E6" w:rsidRDefault="006D57E6" w:rsidP="006D57E6">
      <w:pPr>
        <w:rPr>
          <w:rFonts w:ascii="Courier New" w:hAnsi="Courier New" w:cs="Courier New"/>
          <w:sz w:val="20"/>
          <w:szCs w:val="20"/>
        </w:rPr>
      </w:pPr>
    </w:p>
    <w:p w14:paraId="2A667D3E" w14:textId="77777777" w:rsidR="006D57E6" w:rsidRPr="00287599" w:rsidRDefault="006D57E6" w:rsidP="006D57E6">
      <w:pPr>
        <w:rPr>
          <w:u w:val="single"/>
          <w:lang w:val="en-US"/>
        </w:rPr>
      </w:pPr>
      <w:r w:rsidRPr="0048038D">
        <w:rPr>
          <w:u w:val="single"/>
        </w:rPr>
        <w:t>Transmission Performance Evaluation</w:t>
      </w:r>
    </w:p>
    <w:p w14:paraId="2A1F9028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\\\\stafffiles.win.canberra.edu.au\\homes$\\s443807\\My Documents\\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\\10 images\\Images', '*.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n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')); ...</w:t>
      </w:r>
    </w:p>
    <w:p w14:paraId="17EA1C2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     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dir(fullfile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\\\\stafffiles.win.canberra.edu.au\\homes$\\s443807\\My Documents\\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\\10 images\\Images', '*.jpg')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0B470B4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min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87F64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bandwidth_3G = 384 *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   </w:t>
      </w:r>
    </w:p>
    <w:p w14:paraId="5E002C6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bandwidth_4G = 10 * 1024 *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47B45C1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1024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6D3E7F3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transmission_times_3G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A2D05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transmission_times_4G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1FB3E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1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_image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44BED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55B155B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24EFB3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if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3) == 3</w:t>
      </w:r>
    </w:p>
    <w:p w14:paraId="0B07EE1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A46511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06A1733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8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7ACDBD9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original_size_MB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/ (8 * 1024 * 1024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41F0894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~, ~, ~]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rediction_based_compress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3CE4C4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*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8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5C50BBB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ompressed_size_MB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/ (8 * 1024 * 1024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203F6F9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r_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original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ompressed_size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CA7FE1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transmission_times_3G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bandwidth_3G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3CABDB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transmission_times_4G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compressed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bandwidth_4G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hunk_siz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3DC489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Image %d: Transfer Time (3G): %.2f sec, Transfer Time (4G): %.2f sec\n', ...</w:t>
      </w:r>
    </w:p>
    <w:p w14:paraId="14DA2E3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transmission_times_3G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, transmission_times_4G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12BA78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end</w:t>
      </w:r>
    </w:p>
    <w:p w14:paraId="52C6E50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Average Transfer Time (3G): %.2f sec\n', mean(transmission_times_3G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34DD2A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Average Transfer Time (4G): %.2f sec\n', mean(transmission_times_4G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96391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function time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imulate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transfe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bandwidth_bp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</w:p>
    <w:p w14:paraId="5D18EF9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hunk_siz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*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8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20AC2B3B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ceil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data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hunk_size_bit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080332D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time_per_chunk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chunk_size_bi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/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bandwidth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bp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7DC1B1E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time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_chunk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*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time_per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chunk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0AD3B2C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end</w:t>
      </w:r>
    </w:p>
    <w:p w14:paraId="767F5D4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row, col]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rediction_based_compress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</w:p>
    <w:p w14:paraId="0F2A61D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[row, col] = siz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7F7F7B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Mat = doubl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2EE7821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Mat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0277BA2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avedColumn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Mat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2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462D2A4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-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size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1), 1)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-1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DBCDEC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rrorVecto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E(:);</w:t>
      </w:r>
      <w:proofErr w:type="gramEnd"/>
    </w:p>
    <w:p w14:paraId="61BAA2F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unique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~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Map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] = uniqu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rrorVector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00A226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frequencies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dxMap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unique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D60F3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validIndic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frequencies &gt;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0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4211EC3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symbols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unique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validIndic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449F1DB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frequencies = frequencies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validIndice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744EB3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symbols) &lt;= 1</w:t>
      </w:r>
    </w:p>
    <w:p w14:paraId="1A00C47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warning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Only one unique symbol found. Huffman coding skipped.'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7D21FB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1D8D687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4EE2FC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50AB606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599EF07D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probabilities = frequencies / sum(frequencies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17CE2C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symbols, probabilities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F1486F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errorVecto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18AA50D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EEA85D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size(E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61C6F3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BE2FFB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5E7A24C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for c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size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2)</w:t>
      </w:r>
    </w:p>
    <w:p w14:paraId="0EE1600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c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c - 1) +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c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2CAFF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0866CFD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row, col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B40984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281E39C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2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savedColumn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</w:p>
    <w:p w14:paraId="2A9B4F7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188B130C" w14:textId="2343C58C" w:rsid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end</w:t>
      </w:r>
    </w:p>
    <w:p w14:paraId="2BE639D9" w14:textId="77777777" w:rsidR="006D57E6" w:rsidRDefault="006D57E6" w:rsidP="006D57E6">
      <w:pPr>
        <w:rPr>
          <w:rFonts w:ascii="Courier New" w:hAnsi="Courier New" w:cs="Courier New"/>
          <w:sz w:val="20"/>
          <w:szCs w:val="20"/>
        </w:rPr>
      </w:pPr>
    </w:p>
    <w:p w14:paraId="514AA289" w14:textId="77777777" w:rsidR="006D57E6" w:rsidRDefault="006D57E6" w:rsidP="006D57E6">
      <w:pPr>
        <w:rPr>
          <w:u w:val="single"/>
        </w:rPr>
      </w:pPr>
      <w:r w:rsidRPr="00287599">
        <w:rPr>
          <w:u w:val="single"/>
        </w:rPr>
        <w:t>Timing and Memory Profiling</w:t>
      </w:r>
    </w:p>
    <w:p w14:paraId="4030217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clear;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clc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1180182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addpath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genpath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wd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A2BBF7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'\\stafffiles.win.canberra.edu.au\homes$\s443807\My Documents\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atlab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\10 images\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Images';</w:t>
      </w:r>
      <w:proofErr w:type="gramEnd"/>
    </w:p>
    <w:p w14:paraId="7B5E6CD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di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'*.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n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'));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di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mage_di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'*.jpg')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708237C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min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10, length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EA234F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FD5DA3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r w:rsidRPr="006D57E6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num_imag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1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A205F1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for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1:num_images</w:t>
      </w:r>
    </w:p>
    <w:p w14:paraId="16EC042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try</w:t>
      </w:r>
    </w:p>
    <w:p w14:paraId="7767A14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read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fullfil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.folder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ageFil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.name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DA4316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if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size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3) == 3</w:t>
      </w:r>
    </w:p>
    <w:p w14:paraId="7F09522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rgb2gray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A1926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end</w:t>
      </w:r>
    </w:p>
    <w:p w14:paraId="087AA3E2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tic;</w:t>
      </w:r>
      <w:proofErr w:type="gramEnd"/>
    </w:p>
    <w:p w14:paraId="63EDD17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rediction_based_compress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58AB80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toc;</w:t>
      </w:r>
      <w:proofErr w:type="gramEnd"/>
    </w:p>
    <w:p w14:paraId="25C3861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em_info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memory;</w:t>
      </w:r>
      <w:proofErr w:type="gramEnd"/>
    </w:p>
    <w:p w14:paraId="58FB0E9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em_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info.MemUsedMATLAB</w:t>
      </w:r>
      <w:proofErr w:type="spellEnd"/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/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1e6;</w:t>
      </w:r>
      <w:proofErr w:type="gramEnd"/>
    </w:p>
    <w:p w14:paraId="326CB870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catch ME</w:t>
      </w:r>
    </w:p>
    <w:p w14:paraId="0FEC6FE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'Error at image %d: %s\n'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ME.mess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C8D311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Na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4FA0AF65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Na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62759B8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54DC116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end</w:t>
      </w:r>
    </w:p>
    <w:p w14:paraId="1993D52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'Prediction-Based Compression Timing Benchmark:\n'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76569B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'Avg Time per Image: %.4f seconds\n'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xec_tim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894CFC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fprintf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'Avg Memory Used: %.2f MB\n'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anmea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mem_usag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FF386F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function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]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prediction_based_compression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</w:p>
    <w:p w14:paraId="2C8CA53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[row, col] = siz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AABFF4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Mat = doubl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mg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36C689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Mat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10F5F627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savedColumn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Mat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2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);</w:t>
      </w:r>
      <w:proofErr w:type="gramEnd"/>
    </w:p>
    <w:p w14:paraId="46F0E29A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-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size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1), 1)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1:end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-1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2231FCC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rrorVecto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E(:);</w:t>
      </w:r>
      <w:proofErr w:type="gramEnd"/>
    </w:p>
    <w:p w14:paraId="72BAEEB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[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unique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~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idxMap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] = uniqu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rrorVector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86440C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frequencies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istcount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idxMap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unique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09155CD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validIndic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frequencies &gt;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0;</w:t>
      </w:r>
      <w:proofErr w:type="gramEnd"/>
    </w:p>
    <w:p w14:paraId="13989D4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symbols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uniqueValu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validIndice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';</w:t>
      </w:r>
      <w:proofErr w:type="gramEnd"/>
    </w:p>
    <w:p w14:paraId="60D72E9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frequencies = frequencies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validIndice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A246493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if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numel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symbols) &lt;= 1</w:t>
      </w:r>
    </w:p>
    <w:p w14:paraId="21333AF0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[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];</w:t>
      </w:r>
      <w:proofErr w:type="gramEnd"/>
    </w:p>
    <w:p w14:paraId="4568D35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6181903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return;</w:t>
      </w:r>
      <w:proofErr w:type="gramEnd"/>
    </w:p>
    <w:p w14:paraId="42878539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640EA85B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probabilities = frequencies / sum(frequencies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15DA44B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symbols, probabilities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074A70B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uffmanenco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errorVector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63903A6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lastRenderedPageBreak/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huffmandeco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encodedData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,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huffmanDict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444DC90D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reshape(</w:t>
      </w:r>
      <w:proofErr w:type="spellStart"/>
      <w:proofErr w:type="gramEnd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size(E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7726D814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zeros(size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)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83C67BC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30646380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for c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size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duc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, 2)</w:t>
      </w:r>
    </w:p>
    <w:p w14:paraId="1649F4ED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c) =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c - 1) +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decodedErrors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c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E45F04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end</w:t>
      </w:r>
    </w:p>
    <w:p w14:paraId="4C1EC461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zeros(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>row, col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5360A41D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1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decodedMatrix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3D84D56F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(:,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 2:</w:t>
      </w:r>
      <w:proofErr w:type="gramStart"/>
      <w:r w:rsidRPr="006D57E6">
        <w:rPr>
          <w:rFonts w:ascii="Courier New" w:hAnsi="Courier New" w:cs="Courier New"/>
          <w:sz w:val="20"/>
          <w:szCs w:val="20"/>
        </w:rPr>
        <w:t>2:end</w:t>
      </w:r>
      <w:proofErr w:type="gramEnd"/>
      <w:r w:rsidRPr="006D57E6">
        <w:rPr>
          <w:rFonts w:ascii="Courier New" w:hAnsi="Courier New" w:cs="Courier New"/>
          <w:sz w:val="20"/>
          <w:szCs w:val="20"/>
        </w:rPr>
        <w:t xml:space="preserve">) = </w:t>
      </w:r>
      <w:proofErr w:type="spellStart"/>
      <w:proofErr w:type="gramStart"/>
      <w:r w:rsidRPr="006D57E6">
        <w:rPr>
          <w:rFonts w:ascii="Courier New" w:hAnsi="Courier New" w:cs="Courier New"/>
          <w:sz w:val="20"/>
          <w:szCs w:val="20"/>
        </w:rPr>
        <w:t>savedColumns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>;</w:t>
      </w:r>
      <w:proofErr w:type="gramEnd"/>
    </w:p>
    <w:p w14:paraId="2BFCE88E" w14:textId="77777777" w:rsidR="006D57E6" w:rsidRP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 xml:space="preserve">    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r w:rsidRPr="006D57E6">
        <w:rPr>
          <w:rFonts w:ascii="Courier New" w:hAnsi="Courier New" w:cs="Courier New"/>
          <w:sz w:val="20"/>
          <w:szCs w:val="20"/>
        </w:rPr>
        <w:t xml:space="preserve"> = uint8(</w:t>
      </w:r>
      <w:proofErr w:type="spellStart"/>
      <w:r w:rsidRPr="006D57E6">
        <w:rPr>
          <w:rFonts w:ascii="Courier New" w:hAnsi="Courier New" w:cs="Courier New"/>
          <w:sz w:val="20"/>
          <w:szCs w:val="20"/>
        </w:rPr>
        <w:t>reconstructedImage</w:t>
      </w:r>
      <w:proofErr w:type="spellEnd"/>
      <w:proofErr w:type="gramStart"/>
      <w:r w:rsidRPr="006D57E6">
        <w:rPr>
          <w:rFonts w:ascii="Courier New" w:hAnsi="Courier New" w:cs="Courier New"/>
          <w:sz w:val="20"/>
          <w:szCs w:val="20"/>
        </w:rPr>
        <w:t>);</w:t>
      </w:r>
      <w:proofErr w:type="gramEnd"/>
    </w:p>
    <w:p w14:paraId="2B009B18" w14:textId="20725246" w:rsidR="006D57E6" w:rsidRDefault="006D57E6" w:rsidP="006D57E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spacing w:after="0" w:line="240" w:lineRule="auto"/>
        <w:rPr>
          <w:rFonts w:ascii="Courier New" w:hAnsi="Courier New" w:cs="Courier New"/>
          <w:sz w:val="20"/>
          <w:szCs w:val="20"/>
        </w:rPr>
      </w:pPr>
      <w:r w:rsidRPr="006D57E6">
        <w:rPr>
          <w:rFonts w:ascii="Courier New" w:hAnsi="Courier New" w:cs="Courier New"/>
          <w:sz w:val="20"/>
          <w:szCs w:val="20"/>
        </w:rPr>
        <w:t>end</w:t>
      </w:r>
    </w:p>
    <w:p w14:paraId="38809AC4" w14:textId="77777777" w:rsidR="00435248" w:rsidRDefault="00435248" w:rsidP="00435248">
      <w:pPr>
        <w:rPr>
          <w:rFonts w:ascii="Courier New" w:hAnsi="Courier New" w:cs="Courier New"/>
          <w:sz w:val="20"/>
          <w:szCs w:val="20"/>
        </w:rPr>
      </w:pPr>
    </w:p>
    <w:p w14:paraId="19F427B9" w14:textId="77777777" w:rsidR="00435248" w:rsidRDefault="00435248" w:rsidP="00435248">
      <w:pPr>
        <w:rPr>
          <w:rFonts w:cstheme="minorHAnsi"/>
          <w:b/>
          <w:bCs/>
        </w:rPr>
      </w:pPr>
    </w:p>
    <w:p w14:paraId="35169255" w14:textId="77777777" w:rsidR="00435248" w:rsidRDefault="00435248" w:rsidP="00435248">
      <w:pPr>
        <w:rPr>
          <w:rFonts w:cstheme="minorHAnsi"/>
          <w:b/>
          <w:bCs/>
        </w:rPr>
      </w:pPr>
    </w:p>
    <w:p w14:paraId="030A2940" w14:textId="77777777" w:rsidR="00435248" w:rsidRDefault="00435248" w:rsidP="00435248">
      <w:pPr>
        <w:rPr>
          <w:rFonts w:cstheme="minorHAnsi"/>
          <w:b/>
          <w:bCs/>
        </w:rPr>
      </w:pPr>
    </w:p>
    <w:p w14:paraId="3897259D" w14:textId="77777777" w:rsidR="00435248" w:rsidRDefault="00435248" w:rsidP="00435248">
      <w:pPr>
        <w:rPr>
          <w:rFonts w:cstheme="minorHAnsi"/>
          <w:b/>
          <w:bCs/>
        </w:rPr>
      </w:pPr>
    </w:p>
    <w:p w14:paraId="79A01E37" w14:textId="77777777" w:rsidR="00435248" w:rsidRDefault="00435248" w:rsidP="00435248">
      <w:pPr>
        <w:rPr>
          <w:rFonts w:cstheme="minorHAnsi"/>
          <w:b/>
          <w:bCs/>
        </w:rPr>
      </w:pPr>
    </w:p>
    <w:p w14:paraId="2C0E7C97" w14:textId="77777777" w:rsidR="00435248" w:rsidRDefault="00435248" w:rsidP="00435248">
      <w:pPr>
        <w:rPr>
          <w:rFonts w:cstheme="minorHAnsi"/>
          <w:b/>
          <w:bCs/>
        </w:rPr>
      </w:pPr>
    </w:p>
    <w:p w14:paraId="04A573C9" w14:textId="77777777" w:rsidR="00435248" w:rsidRDefault="00435248" w:rsidP="00435248">
      <w:pPr>
        <w:rPr>
          <w:rFonts w:cstheme="minorHAnsi"/>
          <w:b/>
          <w:bCs/>
        </w:rPr>
      </w:pPr>
    </w:p>
    <w:p w14:paraId="6C3B5F3B" w14:textId="77777777" w:rsidR="00435248" w:rsidRDefault="00435248" w:rsidP="00435248">
      <w:pPr>
        <w:rPr>
          <w:rFonts w:cstheme="minorHAnsi"/>
          <w:b/>
          <w:bCs/>
        </w:rPr>
      </w:pPr>
    </w:p>
    <w:p w14:paraId="5E9FA97A" w14:textId="77777777" w:rsidR="00435248" w:rsidRDefault="00435248" w:rsidP="00435248">
      <w:pPr>
        <w:rPr>
          <w:rFonts w:cstheme="minorHAnsi"/>
          <w:b/>
          <w:bCs/>
        </w:rPr>
      </w:pPr>
    </w:p>
    <w:p w14:paraId="5A51F63E" w14:textId="77777777" w:rsidR="00435248" w:rsidRDefault="00435248" w:rsidP="00435248">
      <w:pPr>
        <w:rPr>
          <w:rFonts w:cstheme="minorHAnsi"/>
          <w:b/>
          <w:bCs/>
        </w:rPr>
      </w:pPr>
    </w:p>
    <w:p w14:paraId="3278DB54" w14:textId="77777777" w:rsidR="00435248" w:rsidRDefault="00435248" w:rsidP="00435248">
      <w:pPr>
        <w:rPr>
          <w:rFonts w:cstheme="minorHAnsi"/>
          <w:b/>
          <w:bCs/>
        </w:rPr>
      </w:pPr>
    </w:p>
    <w:p w14:paraId="78DBBF9E" w14:textId="77777777" w:rsidR="00435248" w:rsidRDefault="00435248" w:rsidP="00435248">
      <w:pPr>
        <w:rPr>
          <w:rFonts w:cstheme="minorHAnsi"/>
          <w:b/>
          <w:bCs/>
        </w:rPr>
      </w:pPr>
    </w:p>
    <w:p w14:paraId="080D3403" w14:textId="77777777" w:rsidR="00435248" w:rsidRDefault="00435248" w:rsidP="00435248">
      <w:pPr>
        <w:rPr>
          <w:rFonts w:cstheme="minorHAnsi"/>
          <w:b/>
          <w:bCs/>
        </w:rPr>
      </w:pPr>
    </w:p>
    <w:p w14:paraId="41A53EF5" w14:textId="77777777" w:rsidR="00435248" w:rsidRDefault="00435248" w:rsidP="00435248">
      <w:pPr>
        <w:rPr>
          <w:rFonts w:cstheme="minorHAnsi"/>
          <w:b/>
          <w:bCs/>
        </w:rPr>
      </w:pPr>
    </w:p>
    <w:p w14:paraId="2442E06F" w14:textId="77777777" w:rsidR="00435248" w:rsidRDefault="00435248" w:rsidP="00435248">
      <w:pPr>
        <w:rPr>
          <w:rFonts w:cstheme="minorHAnsi"/>
          <w:b/>
          <w:bCs/>
        </w:rPr>
      </w:pPr>
    </w:p>
    <w:p w14:paraId="4AC8A350" w14:textId="77777777" w:rsidR="00435248" w:rsidRDefault="00435248" w:rsidP="00435248">
      <w:pPr>
        <w:rPr>
          <w:rFonts w:cstheme="minorHAnsi"/>
          <w:b/>
          <w:bCs/>
        </w:rPr>
      </w:pPr>
    </w:p>
    <w:p w14:paraId="17486F0F" w14:textId="77777777" w:rsidR="00435248" w:rsidRDefault="00435248" w:rsidP="00435248">
      <w:pPr>
        <w:rPr>
          <w:rFonts w:cstheme="minorHAnsi"/>
          <w:b/>
          <w:bCs/>
        </w:rPr>
      </w:pPr>
    </w:p>
    <w:p w14:paraId="3C6D4EF9" w14:textId="77777777" w:rsidR="00435248" w:rsidRDefault="00435248" w:rsidP="00435248">
      <w:pPr>
        <w:rPr>
          <w:rFonts w:cstheme="minorHAnsi"/>
          <w:b/>
          <w:bCs/>
        </w:rPr>
      </w:pPr>
    </w:p>
    <w:p w14:paraId="463D668A" w14:textId="77777777" w:rsidR="00435248" w:rsidRDefault="00435248" w:rsidP="00435248">
      <w:pPr>
        <w:rPr>
          <w:rFonts w:cstheme="minorHAnsi"/>
          <w:b/>
          <w:bCs/>
        </w:rPr>
      </w:pPr>
    </w:p>
    <w:p w14:paraId="0371D434" w14:textId="77777777" w:rsidR="00435248" w:rsidRDefault="00435248" w:rsidP="00435248">
      <w:pPr>
        <w:rPr>
          <w:rFonts w:cstheme="minorHAnsi"/>
          <w:b/>
          <w:bCs/>
        </w:rPr>
      </w:pPr>
    </w:p>
    <w:p w14:paraId="671B56B2" w14:textId="77777777" w:rsidR="00435248" w:rsidRDefault="00435248" w:rsidP="00435248">
      <w:pPr>
        <w:rPr>
          <w:rFonts w:cstheme="minorHAnsi"/>
          <w:b/>
          <w:bCs/>
        </w:rPr>
      </w:pPr>
    </w:p>
    <w:p w14:paraId="27A428E0" w14:textId="77777777" w:rsidR="00435248" w:rsidRDefault="00435248" w:rsidP="00435248">
      <w:pPr>
        <w:rPr>
          <w:rFonts w:cstheme="minorHAnsi"/>
          <w:b/>
          <w:bCs/>
        </w:rPr>
      </w:pPr>
    </w:p>
    <w:p w14:paraId="06BE27FC" w14:textId="77777777" w:rsidR="00435248" w:rsidRDefault="00435248" w:rsidP="00435248">
      <w:pPr>
        <w:rPr>
          <w:rFonts w:cstheme="minorHAnsi"/>
          <w:b/>
          <w:bCs/>
        </w:rPr>
      </w:pPr>
    </w:p>
    <w:p w14:paraId="6FC5D65A" w14:textId="5D26ADAC" w:rsidR="00435248" w:rsidRPr="00435248" w:rsidRDefault="00435248" w:rsidP="0039721C">
      <w:pPr>
        <w:rPr>
          <w:rFonts w:ascii="Courier New" w:hAnsi="Courier New" w:cs="Courier New"/>
          <w:sz w:val="20"/>
          <w:szCs w:val="20"/>
        </w:rPr>
      </w:pPr>
    </w:p>
    <w:sectPr w:rsidR="00435248" w:rsidRPr="00435248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677397E"/>
    <w:multiLevelType w:val="multilevel"/>
    <w:tmpl w:val="8DD48AD8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400"/>
        </w:tabs>
        <w:ind w:left="540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08932B7F"/>
    <w:multiLevelType w:val="multilevel"/>
    <w:tmpl w:val="BD4210D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1F611290"/>
    <w:multiLevelType w:val="multilevel"/>
    <w:tmpl w:val="B3C6582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2237582F"/>
    <w:multiLevelType w:val="multilevel"/>
    <w:tmpl w:val="99BAE97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 w15:restartNumberingAfterBreak="0">
    <w:nsid w:val="2458065F"/>
    <w:multiLevelType w:val="multilevel"/>
    <w:tmpl w:val="1788381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" w15:restartNumberingAfterBreak="0">
    <w:nsid w:val="247901E6"/>
    <w:multiLevelType w:val="multilevel"/>
    <w:tmpl w:val="EF901EE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" w15:restartNumberingAfterBreak="0">
    <w:nsid w:val="24C70D1C"/>
    <w:multiLevelType w:val="multilevel"/>
    <w:tmpl w:val="4BA454E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7" w15:restartNumberingAfterBreak="0">
    <w:nsid w:val="2BF10039"/>
    <w:multiLevelType w:val="multilevel"/>
    <w:tmpl w:val="842E6BD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400"/>
        </w:tabs>
        <w:ind w:left="540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  <w:sz w:val="20"/>
      </w:rPr>
    </w:lvl>
  </w:abstractNum>
  <w:abstractNum w:abstractNumId="8" w15:restartNumberingAfterBreak="0">
    <w:nsid w:val="2E400913"/>
    <w:multiLevelType w:val="multilevel"/>
    <w:tmpl w:val="8F84285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9" w15:restartNumberingAfterBreak="0">
    <w:nsid w:val="4D7844AE"/>
    <w:multiLevelType w:val="hybridMultilevel"/>
    <w:tmpl w:val="9DBCDBDA"/>
    <w:lvl w:ilvl="0" w:tplc="0C09000F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5D583AE7"/>
    <w:multiLevelType w:val="multilevel"/>
    <w:tmpl w:val="E7C863B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1" w15:restartNumberingAfterBreak="0">
    <w:nsid w:val="71367E5B"/>
    <w:multiLevelType w:val="multilevel"/>
    <w:tmpl w:val="9C7A8A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2" w15:restartNumberingAfterBreak="0">
    <w:nsid w:val="73C64C0C"/>
    <w:multiLevelType w:val="multilevel"/>
    <w:tmpl w:val="784EC8E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 w16cid:durableId="1564750039">
    <w:abstractNumId w:val="6"/>
  </w:num>
  <w:num w:numId="2" w16cid:durableId="1638610664">
    <w:abstractNumId w:val="11"/>
  </w:num>
  <w:num w:numId="3" w16cid:durableId="1856037">
    <w:abstractNumId w:val="3"/>
  </w:num>
  <w:num w:numId="4" w16cid:durableId="1856504864">
    <w:abstractNumId w:val="4"/>
  </w:num>
  <w:num w:numId="5" w16cid:durableId="177623952">
    <w:abstractNumId w:val="8"/>
  </w:num>
  <w:num w:numId="6" w16cid:durableId="1168328300">
    <w:abstractNumId w:val="9"/>
  </w:num>
  <w:num w:numId="7" w16cid:durableId="37244881">
    <w:abstractNumId w:val="2"/>
  </w:num>
  <w:num w:numId="8" w16cid:durableId="1262645108">
    <w:abstractNumId w:val="10"/>
  </w:num>
  <w:num w:numId="9" w16cid:durableId="1284728095">
    <w:abstractNumId w:val="12"/>
  </w:num>
  <w:num w:numId="10" w16cid:durableId="109708086">
    <w:abstractNumId w:val="7"/>
  </w:num>
  <w:num w:numId="11" w16cid:durableId="277372277">
    <w:abstractNumId w:val="0"/>
  </w:num>
  <w:num w:numId="12" w16cid:durableId="2060858654">
    <w:abstractNumId w:val="1"/>
  </w:num>
  <w:num w:numId="13" w16cid:durableId="1981153642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2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734AF"/>
    <w:rsid w:val="000C48EA"/>
    <w:rsid w:val="000E6BA4"/>
    <w:rsid w:val="0012593C"/>
    <w:rsid w:val="001734AF"/>
    <w:rsid w:val="0025100B"/>
    <w:rsid w:val="00287599"/>
    <w:rsid w:val="00325B75"/>
    <w:rsid w:val="00377306"/>
    <w:rsid w:val="0039721C"/>
    <w:rsid w:val="003C0A8E"/>
    <w:rsid w:val="003E0AE4"/>
    <w:rsid w:val="00435248"/>
    <w:rsid w:val="0048038D"/>
    <w:rsid w:val="006079AD"/>
    <w:rsid w:val="00645C9E"/>
    <w:rsid w:val="006923D1"/>
    <w:rsid w:val="006D57E6"/>
    <w:rsid w:val="0072334A"/>
    <w:rsid w:val="00792B7B"/>
    <w:rsid w:val="007D0B52"/>
    <w:rsid w:val="008129B4"/>
    <w:rsid w:val="0090453F"/>
    <w:rsid w:val="009115C0"/>
    <w:rsid w:val="009456D5"/>
    <w:rsid w:val="00970FF2"/>
    <w:rsid w:val="00AB4CC4"/>
    <w:rsid w:val="00BB3215"/>
    <w:rsid w:val="00D1075E"/>
    <w:rsid w:val="00D43D3D"/>
    <w:rsid w:val="00D70F8D"/>
    <w:rsid w:val="00E83D57"/>
    <w:rsid w:val="00EB6E4D"/>
    <w:rsid w:val="00F54BEA"/>
    <w:rsid w:val="00FF25E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DF7A877"/>
  <w15:chartTrackingRefBased/>
  <w15:docId w15:val="{404C6825-9358-48CD-BD65-25E655FFB26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A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F25EE"/>
  </w:style>
  <w:style w:type="paragraph" w:styleId="Heading1">
    <w:name w:val="heading 1"/>
    <w:basedOn w:val="Normal"/>
    <w:next w:val="Normal"/>
    <w:link w:val="Heading1Char"/>
    <w:uiPriority w:val="9"/>
    <w:qFormat/>
    <w:rsid w:val="001734AF"/>
    <w:pPr>
      <w:keepNext/>
      <w:keepLines/>
      <w:spacing w:before="360" w:after="80"/>
      <w:outlineLvl w:val="0"/>
    </w:pPr>
    <w:rPr>
      <w:rFonts w:asciiTheme="majorHAnsi" w:eastAsiaTheme="majorEastAsia" w:hAnsiTheme="majorHAnsi" w:cstheme="majorBidi"/>
      <w:color w:val="2F5496" w:themeColor="accent1" w:themeShade="BF"/>
      <w:sz w:val="40"/>
      <w:szCs w:val="40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1734AF"/>
    <w:pPr>
      <w:keepNext/>
      <w:keepLines/>
      <w:spacing w:before="160" w:after="80"/>
      <w:outlineLvl w:val="1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1734AF"/>
    <w:pPr>
      <w:keepNext/>
      <w:keepLines/>
      <w:spacing w:before="160" w:after="80"/>
      <w:outlineLvl w:val="2"/>
    </w:pPr>
    <w:rPr>
      <w:rFonts w:eastAsiaTheme="majorEastAsia" w:cstheme="majorBidi"/>
      <w:color w:val="2F5496" w:themeColor="accent1" w:themeShade="BF"/>
      <w:sz w:val="28"/>
      <w:szCs w:val="28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1734AF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2F5496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1734AF"/>
    <w:pPr>
      <w:keepNext/>
      <w:keepLines/>
      <w:spacing w:before="80" w:after="40"/>
      <w:outlineLvl w:val="4"/>
    </w:pPr>
    <w:rPr>
      <w:rFonts w:eastAsiaTheme="majorEastAsia" w:cstheme="majorBidi"/>
      <w:color w:val="2F5496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1734AF"/>
    <w:pPr>
      <w:keepNext/>
      <w:keepLines/>
      <w:spacing w:before="40" w:after="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1734AF"/>
    <w:pPr>
      <w:keepNext/>
      <w:keepLines/>
      <w:spacing w:before="40" w:after="0"/>
      <w:outlineLvl w:val="6"/>
    </w:pPr>
    <w:rPr>
      <w:rFonts w:eastAsiaTheme="majorEastAsia" w:cstheme="majorBidi"/>
      <w:color w:val="595959" w:themeColor="text1" w:themeTint="A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1734AF"/>
    <w:pPr>
      <w:keepNext/>
      <w:keepLines/>
      <w:spacing w:after="0"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1734AF"/>
    <w:pPr>
      <w:keepNext/>
      <w:keepLines/>
      <w:spacing w:after="0"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1734AF"/>
    <w:rPr>
      <w:rFonts w:asciiTheme="majorHAnsi" w:eastAsiaTheme="majorEastAsia" w:hAnsiTheme="majorHAnsi" w:cstheme="majorBidi"/>
      <w:color w:val="2F5496" w:themeColor="accent1" w:themeShade="BF"/>
      <w:sz w:val="40"/>
      <w:szCs w:val="40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1734AF"/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1734AF"/>
    <w:rPr>
      <w:rFonts w:eastAsiaTheme="majorEastAsia" w:cstheme="majorBidi"/>
      <w:color w:val="2F5496" w:themeColor="accent1" w:themeShade="BF"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1734AF"/>
    <w:rPr>
      <w:rFonts w:eastAsiaTheme="majorEastAsia" w:cstheme="majorBidi"/>
      <w:i/>
      <w:iCs/>
      <w:color w:val="2F5496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1734AF"/>
    <w:rPr>
      <w:rFonts w:eastAsiaTheme="majorEastAsia" w:cstheme="majorBidi"/>
      <w:color w:val="2F5496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1734AF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1734AF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1734AF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1734AF"/>
    <w:rPr>
      <w:rFonts w:eastAsiaTheme="majorEastAsia" w:cstheme="majorBidi"/>
      <w:color w:val="272727" w:themeColor="text1" w:themeTint="D8"/>
    </w:rPr>
  </w:style>
  <w:style w:type="paragraph" w:styleId="Title">
    <w:name w:val="Title"/>
    <w:basedOn w:val="Normal"/>
    <w:next w:val="Normal"/>
    <w:link w:val="TitleChar"/>
    <w:uiPriority w:val="10"/>
    <w:qFormat/>
    <w:rsid w:val="001734AF"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1734AF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1734AF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rsid w:val="001734AF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Quote">
    <w:name w:val="Quote"/>
    <w:basedOn w:val="Normal"/>
    <w:next w:val="Normal"/>
    <w:link w:val="QuoteChar"/>
    <w:uiPriority w:val="29"/>
    <w:qFormat/>
    <w:rsid w:val="001734AF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1734AF"/>
    <w:rPr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1734AF"/>
    <w:pPr>
      <w:ind w:left="720"/>
      <w:contextualSpacing/>
    </w:pPr>
  </w:style>
  <w:style w:type="character" w:styleId="IntenseEmphasis">
    <w:name w:val="Intense Emphasis"/>
    <w:basedOn w:val="DefaultParagraphFont"/>
    <w:uiPriority w:val="21"/>
    <w:qFormat/>
    <w:rsid w:val="001734AF"/>
    <w:rPr>
      <w:i/>
      <w:iCs/>
      <w:color w:val="2F5496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1734AF"/>
    <w:pPr>
      <w:pBdr>
        <w:top w:val="single" w:sz="4" w:space="10" w:color="2F5496" w:themeColor="accent1" w:themeShade="BF"/>
        <w:bottom w:val="single" w:sz="4" w:space="10" w:color="2F5496" w:themeColor="accent1" w:themeShade="BF"/>
      </w:pBdr>
      <w:spacing w:before="360" w:after="360"/>
      <w:ind w:left="864" w:right="864"/>
      <w:jc w:val="center"/>
    </w:pPr>
    <w:rPr>
      <w:i/>
      <w:iCs/>
      <w:color w:val="2F5496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1734AF"/>
    <w:rPr>
      <w:i/>
      <w:iCs/>
      <w:color w:val="2F5496" w:themeColor="accent1" w:themeShade="BF"/>
    </w:rPr>
  </w:style>
  <w:style w:type="character" w:styleId="IntenseReference">
    <w:name w:val="Intense Reference"/>
    <w:basedOn w:val="DefaultParagraphFont"/>
    <w:uiPriority w:val="32"/>
    <w:qFormat/>
    <w:rsid w:val="001734AF"/>
    <w:rPr>
      <w:b/>
      <w:bCs/>
      <w:smallCaps/>
      <w:color w:val="2F5496" w:themeColor="accent1" w:themeShade="BF"/>
      <w:spacing w:val="5"/>
    </w:rPr>
  </w:style>
  <w:style w:type="character" w:styleId="Hyperlink">
    <w:name w:val="Hyperlink"/>
    <w:basedOn w:val="DefaultParagraphFont"/>
    <w:uiPriority w:val="99"/>
    <w:unhideWhenUsed/>
    <w:rsid w:val="0012593C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12593C"/>
    <w:rPr>
      <w:color w:val="605E5C"/>
      <w:shd w:val="clear" w:color="auto" w:fill="E1DFDD"/>
    </w:rPr>
  </w:style>
  <w:style w:type="paragraph" w:styleId="NormalWeb">
    <w:name w:val="Normal (Web)"/>
    <w:basedOn w:val="Normal"/>
    <w:uiPriority w:val="99"/>
    <w:semiHidden/>
    <w:unhideWhenUsed/>
    <w:rsid w:val="0039721C"/>
    <w:rPr>
      <w:rFonts w:ascii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21744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8810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48076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92363712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72788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64637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86259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39725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46161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24</TotalTime>
  <Pages>120</Pages>
  <Words>39207</Words>
  <Characters>223485</Characters>
  <Application>Microsoft Office Word</Application>
  <DocSecurity>0</DocSecurity>
  <Lines>1862</Lines>
  <Paragraphs>5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Canberra</Company>
  <LinksUpToDate>false</LinksUpToDate>
  <CharactersWithSpaces>26216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ahiru.Peiris</dc:creator>
  <cp:keywords/>
  <dc:description/>
  <cp:lastModifiedBy>Lahiru.Peiris</cp:lastModifiedBy>
  <cp:revision>7</cp:revision>
  <dcterms:created xsi:type="dcterms:W3CDTF">2025-05-21T17:52:00Z</dcterms:created>
  <dcterms:modified xsi:type="dcterms:W3CDTF">2025-05-25T10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bf6fef03-d487-4433-8e43-6b81c0a1b7be_Enabled">
    <vt:lpwstr>true</vt:lpwstr>
  </property>
  <property fmtid="{D5CDD505-2E9C-101B-9397-08002B2CF9AE}" pid="3" name="MSIP_Label_bf6fef03-d487-4433-8e43-6b81c0a1b7be_SetDate">
    <vt:lpwstr>2025-05-21T20:05:32Z</vt:lpwstr>
  </property>
  <property fmtid="{D5CDD505-2E9C-101B-9397-08002B2CF9AE}" pid="4" name="MSIP_Label_bf6fef03-d487-4433-8e43-6b81c0a1b7be_Method">
    <vt:lpwstr>Standard</vt:lpwstr>
  </property>
  <property fmtid="{D5CDD505-2E9C-101B-9397-08002B2CF9AE}" pid="5" name="MSIP_Label_bf6fef03-d487-4433-8e43-6b81c0a1b7be_Name">
    <vt:lpwstr>Unclassified</vt:lpwstr>
  </property>
  <property fmtid="{D5CDD505-2E9C-101B-9397-08002B2CF9AE}" pid="6" name="MSIP_Label_bf6fef03-d487-4433-8e43-6b81c0a1b7be_SiteId">
    <vt:lpwstr>1daf5147-a543-4707-a2fb-2acf0b2a3936</vt:lpwstr>
  </property>
  <property fmtid="{D5CDD505-2E9C-101B-9397-08002B2CF9AE}" pid="7" name="MSIP_Label_bf6fef03-d487-4433-8e43-6b81c0a1b7be_ActionId">
    <vt:lpwstr>60e36e13-c319-441a-baa7-1e7361c84df6</vt:lpwstr>
  </property>
  <property fmtid="{D5CDD505-2E9C-101B-9397-08002B2CF9AE}" pid="8" name="MSIP_Label_bf6fef03-d487-4433-8e43-6b81c0a1b7be_ContentBits">
    <vt:lpwstr>0</vt:lpwstr>
  </property>
  <property fmtid="{D5CDD505-2E9C-101B-9397-08002B2CF9AE}" pid="9" name="MSIP_Label_bf6fef03-d487-4433-8e43-6b81c0a1b7be_Tag">
    <vt:lpwstr>10, 3, 0, 1</vt:lpwstr>
  </property>
</Properties>
</file>